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4"/>
  </p:notesMasterIdLst>
  <p:handoutMasterIdLst>
    <p:handoutMasterId r:id="rId15"/>
  </p:handoutMasterIdLst>
  <p:sldIdLst>
    <p:sldId id="256" r:id="rId8"/>
    <p:sldId id="260" r:id="rId9"/>
    <p:sldId id="278" r:id="rId10"/>
    <p:sldId id="290" r:id="rId11"/>
    <p:sldId id="291" r:id="rId12"/>
    <p:sldId id="292" r:id="rId13"/>
  </p:sldIdLst>
  <p:sldSz cx="12190413" cy="6858000"/>
  <p:notesSz cx="6858000" cy="9144000"/>
  <p:custDataLst>
    <p:tags r:id="rId1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6600"/>
    <a:srgbClr val="2F3EEA"/>
    <a:srgbClr val="FF0099"/>
    <a:srgbClr val="FF0000"/>
    <a:srgbClr val="FFFFFF"/>
    <a:srgbClr val="990000"/>
    <a:srgbClr val="000000"/>
    <a:srgbClr val="FFCC00"/>
    <a:srgbClr val="CC3399"/>
    <a:srgbClr val="66006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66F9EAA-205E-4280-88AD-8E45210EEBDB}" v="214" dt="2022-08-27T15:49:10.53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D113A9D2-9D6B-4929-AA2D-F23B5EE8CBE7}" styleName="Themed Style 2 - Accent 1">
    <a:tblBg>
      <a:fillRef idx="3">
        <a:schemeClr val="accent1"/>
      </a:fillRef>
      <a:effectRef idx="3">
        <a:schemeClr val="accent1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1">
                <a:tint val="50000"/>
              </a:schemeClr>
            </a:lnRef>
          </a:left>
          <a:right>
            <a:lnRef idx="1">
              <a:schemeClr val="accent1">
                <a:tint val="50000"/>
              </a:schemeClr>
            </a:lnRef>
          </a:right>
          <a:top>
            <a:lnRef idx="1">
              <a:schemeClr val="accent1">
                <a:tint val="50000"/>
              </a:schemeClr>
            </a:lnRef>
          </a:top>
          <a:bottom>
            <a:lnRef idx="1">
              <a:schemeClr val="accent1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7DF18680-E054-41AD-8BC1-D1AEF772440D}" styleName="Medium Style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  <a:tblStyle styleId="{284E427A-3D55-4303-BF80-6455036E1DE7}" styleName="Themed Style 1 - Accent 2">
    <a:tblBg>
      <a:fillRef idx="2">
        <a:schemeClr val="accent2"/>
      </a:fillRef>
      <a:effectRef idx="1">
        <a:schemeClr val="accent2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Ref idx="1">
              <a:schemeClr val="accent2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  <a:fill>
          <a:solidFill>
            <a:schemeClr val="accent2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2"/>
            </a:lnRef>
          </a:left>
          <a:right>
            <a:lnRef idx="2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2">
              <a:schemeClr val="accent2"/>
            </a:lnRef>
          </a:top>
          <a:bottom>
            <a:lnRef idx="2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2"/>
          </a:solidFill>
        </a:fill>
      </a:tcStyle>
    </a:firstRow>
  </a:tblStyle>
  <a:tblStyle styleId="{35758FB7-9AC5-4552-8A53-C91805E547FA}" styleName="Themed Style 1 - Accent 5">
    <a:tblBg>
      <a:fillRef idx="2">
        <a:schemeClr val="accent5"/>
      </a:fillRef>
      <a:effectRef idx="1">
        <a:schemeClr val="accent5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Ref idx="1">
              <a:schemeClr val="accent5"/>
            </a:lnRef>
          </a:insideH>
          <a:insideV>
            <a:lnRef idx="1">
              <a:schemeClr val="accent5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</a:tcBdr>
        <a:fill>
          <a:solidFill>
            <a:schemeClr val="accent5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Ref idx="1">
              <a:schemeClr val="accent5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5"/>
            </a:lnRef>
          </a:left>
          <a:right>
            <a:lnRef idx="2">
              <a:schemeClr val="accent5"/>
            </a:lnRef>
          </a:right>
          <a:top>
            <a:lnRef idx="1">
              <a:schemeClr val="accent5"/>
            </a:lnRef>
          </a:top>
          <a:bottom>
            <a:lnRef idx="1">
              <a:schemeClr val="accent5"/>
            </a:lnRef>
          </a:bottom>
          <a:insideH>
            <a:lnRef idx="1">
              <a:schemeClr val="accent5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2">
              <a:schemeClr val="accent5"/>
            </a:lnRef>
          </a:top>
          <a:bottom>
            <a:lnRef idx="2">
              <a:schemeClr val="accent5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5"/>
            </a:lnRef>
          </a:left>
          <a:right>
            <a:lnRef idx="1">
              <a:schemeClr val="accent5"/>
            </a:lnRef>
          </a:right>
          <a:top>
            <a:lnRef idx="1">
              <a:schemeClr val="accent5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5"/>
          </a:solidFill>
        </a:fill>
      </a:tcStyle>
    </a:firstRow>
  </a:tblStyle>
  <a:tblStyle styleId="{638B1855-1B75-4FBE-930C-398BA8C253C6}" styleName="Themed Style 2 - Accent 6">
    <a:tblBg>
      <a:fillRef idx="3">
        <a:schemeClr val="accent6"/>
      </a:fillRef>
      <a:effectRef idx="3">
        <a:schemeClr val="accent6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6">
                <a:tint val="50000"/>
              </a:schemeClr>
            </a:lnRef>
          </a:left>
          <a:right>
            <a:lnRef idx="1">
              <a:schemeClr val="accent6">
                <a:tint val="50000"/>
              </a:schemeClr>
            </a:lnRef>
          </a:right>
          <a:top>
            <a:lnRef idx="1">
              <a:schemeClr val="accent6">
                <a:tint val="50000"/>
              </a:schemeClr>
            </a:lnRef>
          </a:top>
          <a:bottom>
            <a:lnRef idx="1">
              <a:schemeClr val="accent6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0505E3EF-67EA-436B-97B2-0124C06EBD24}" styleName="Medium Style 4 - Accent 3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3"/>
              </a:solidFill>
            </a:ln>
          </a:left>
          <a:right>
            <a:ln w="12700" cmpd="sng">
              <a:solidFill>
                <a:schemeClr val="accent3"/>
              </a:solidFill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 w="12700" cmpd="sng">
              <a:solidFill>
                <a:schemeClr val="accent3"/>
              </a:solidFill>
            </a:ln>
          </a:insideH>
          <a:insideV>
            <a:ln w="12700" cmpd="sng">
              <a:solidFill>
                <a:schemeClr val="accent3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3"/>
              </a:solidFill>
            </a:ln>
          </a:top>
        </a:tcBdr>
        <a:fill>
          <a:solidFill>
            <a:schemeClr val="accent3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3">
              <a:tint val="20000"/>
            </a:schemeClr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0992" autoAdjust="0"/>
    <p:restoredTop sz="96597" autoAdjust="0"/>
  </p:normalViewPr>
  <p:slideViewPr>
    <p:cSldViewPr showGuides="1">
      <p:cViewPr varScale="1">
        <p:scale>
          <a:sx n="122" d="100"/>
          <a:sy n="122" d="100"/>
        </p:scale>
        <p:origin x="384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microsoft.com/office/2016/11/relationships/changesInfo" Target="changesInfos/changesInfo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tags" Target="tags/tag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10" Type="http://schemas.openxmlformats.org/officeDocument/2006/relationships/slide" Target="slides/slide3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notesMaster" Target="notesMasters/notesMaster1.xml"/><Relationship Id="rId22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atias Vázquez Piñón" userId="2f86a967-3c9c-4a39-b538-7e6c0574d83d" providerId="ADAL" clId="{6594851D-CEE0-4A2C-876F-BED761A92EC3}"/>
    <pc:docChg chg="undo custSel mod addSld delSld modSld sldOrd modMainMaster">
      <pc:chgData name="Matias Vázquez Piñón" userId="2f86a967-3c9c-4a39-b538-7e6c0574d83d" providerId="ADAL" clId="{6594851D-CEE0-4A2C-876F-BED761A92EC3}" dt="2022-08-23T14:57:40.755" v="4496" actId="6549"/>
      <pc:docMkLst>
        <pc:docMk/>
      </pc:docMkLst>
      <pc:sldChg chg="modSp mod">
        <pc:chgData name="Matias Vázquez Piñón" userId="2f86a967-3c9c-4a39-b538-7e6c0574d83d" providerId="ADAL" clId="{6594851D-CEE0-4A2C-876F-BED761A92EC3}" dt="2022-08-15T09:56:34.811" v="117" actId="20577"/>
        <pc:sldMkLst>
          <pc:docMk/>
          <pc:sldMk cId="1796381250" sldId="257"/>
        </pc:sldMkLst>
        <pc:spChg chg="mod">
          <ac:chgData name="Matias Vázquez Piñón" userId="2f86a967-3c9c-4a39-b538-7e6c0574d83d" providerId="ADAL" clId="{6594851D-CEE0-4A2C-876F-BED761A92EC3}" dt="2022-08-15T09:56:34.811" v="117" actId="20577"/>
          <ac:spMkLst>
            <pc:docMk/>
            <pc:sldMk cId="1796381250" sldId="257"/>
            <ac:spMk id="3" creationId="{9ABD2501-5E2C-84F8-5978-93D1F7F43359}"/>
          </ac:spMkLst>
        </pc:spChg>
      </pc:sldChg>
      <pc:sldChg chg="modSp new mod">
        <pc:chgData name="Matias Vázquez Piñón" userId="2f86a967-3c9c-4a39-b538-7e6c0574d83d" providerId="ADAL" clId="{6594851D-CEE0-4A2C-876F-BED761A92EC3}" dt="2022-08-15T09:57:03.856" v="122" actId="20577"/>
        <pc:sldMkLst>
          <pc:docMk/>
          <pc:sldMk cId="1357612784" sldId="261"/>
        </pc:sldMkLst>
        <pc:spChg chg="mod">
          <ac:chgData name="Matias Vázquez Piñón" userId="2f86a967-3c9c-4a39-b538-7e6c0574d83d" providerId="ADAL" clId="{6594851D-CEE0-4A2C-876F-BED761A92EC3}" dt="2022-08-15T09:55:40.709" v="82" actId="20577"/>
          <ac:spMkLst>
            <pc:docMk/>
            <pc:sldMk cId="1357612784" sldId="261"/>
            <ac:spMk id="2" creationId="{ECAEF753-D43D-6BE4-C674-AC5A97AD0988}"/>
          </ac:spMkLst>
        </pc:spChg>
        <pc:spChg chg="mod">
          <ac:chgData name="Matias Vázquez Piñón" userId="2f86a967-3c9c-4a39-b538-7e6c0574d83d" providerId="ADAL" clId="{6594851D-CEE0-4A2C-876F-BED761A92EC3}" dt="2022-08-15T09:55:06.468" v="5" actId="20577"/>
          <ac:spMkLst>
            <pc:docMk/>
            <pc:sldMk cId="1357612784" sldId="261"/>
            <ac:spMk id="3" creationId="{5BB05565-F33B-5BD0-E9D3-FD707442EFF3}"/>
          </ac:spMkLst>
        </pc:spChg>
        <pc:spChg chg="mod">
          <ac:chgData name="Matias Vázquez Piñón" userId="2f86a967-3c9c-4a39-b538-7e6c0574d83d" providerId="ADAL" clId="{6594851D-CEE0-4A2C-876F-BED761A92EC3}" dt="2022-08-15T09:57:03.856" v="122" actId="20577"/>
          <ac:spMkLst>
            <pc:docMk/>
            <pc:sldMk cId="1357612784" sldId="261"/>
            <ac:spMk id="4" creationId="{FFC1AE25-77C3-183C-DBF6-6DF94AB28FAC}"/>
          </ac:spMkLst>
        </pc:spChg>
      </pc:sldChg>
      <pc:sldChg chg="addSp delSp modSp new mod">
        <pc:chgData name="Matias Vázquez Piñón" userId="2f86a967-3c9c-4a39-b538-7e6c0574d83d" providerId="ADAL" clId="{6594851D-CEE0-4A2C-876F-BED761A92EC3}" dt="2022-08-15T09:57:46.119" v="129"/>
        <pc:sldMkLst>
          <pc:docMk/>
          <pc:sldMk cId="3597724329" sldId="262"/>
        </pc:sldMkLst>
        <pc:spChg chg="del">
          <ac:chgData name="Matias Vázquez Piñón" userId="2f86a967-3c9c-4a39-b538-7e6c0574d83d" providerId="ADAL" clId="{6594851D-CEE0-4A2C-876F-BED761A92EC3}" dt="2022-08-15T09:57:16.610" v="124"/>
          <ac:spMkLst>
            <pc:docMk/>
            <pc:sldMk cId="3597724329" sldId="262"/>
            <ac:spMk id="3" creationId="{A2498B5A-3727-587B-E2CA-C1CC06805F97}"/>
          </ac:spMkLst>
        </pc:spChg>
        <pc:graphicFrameChg chg="add mod modGraphic">
          <ac:chgData name="Matias Vázquez Piñón" userId="2f86a967-3c9c-4a39-b538-7e6c0574d83d" providerId="ADAL" clId="{6594851D-CEE0-4A2C-876F-BED761A92EC3}" dt="2022-08-15T09:57:32.341" v="126"/>
          <ac:graphicFrameMkLst>
            <pc:docMk/>
            <pc:sldMk cId="3597724329" sldId="262"/>
            <ac:graphicFrameMk id="5" creationId="{0E11FF7B-7EBE-835F-25F6-C9BB4C23596E}"/>
          </ac:graphicFrameMkLst>
        </pc:graphicFrameChg>
        <pc:picChg chg="add mod">
          <ac:chgData name="Matias Vázquez Piñón" userId="2f86a967-3c9c-4a39-b538-7e6c0574d83d" providerId="ADAL" clId="{6594851D-CEE0-4A2C-876F-BED761A92EC3}" dt="2022-08-15T09:57:35.472" v="127"/>
          <ac:picMkLst>
            <pc:docMk/>
            <pc:sldMk cId="3597724329" sldId="262"/>
            <ac:picMk id="6" creationId="{F695AFAE-93E2-8460-3163-DE7FE3996FD3}"/>
          </ac:picMkLst>
        </pc:picChg>
        <pc:picChg chg="add mod">
          <ac:chgData name="Matias Vázquez Piñón" userId="2f86a967-3c9c-4a39-b538-7e6c0574d83d" providerId="ADAL" clId="{6594851D-CEE0-4A2C-876F-BED761A92EC3}" dt="2022-08-15T09:57:40.486" v="128"/>
          <ac:picMkLst>
            <pc:docMk/>
            <pc:sldMk cId="3597724329" sldId="262"/>
            <ac:picMk id="7" creationId="{3A64D4EC-2DF3-A0D5-CA48-6CA79013B411}"/>
          </ac:picMkLst>
        </pc:picChg>
        <pc:picChg chg="add mod">
          <ac:chgData name="Matias Vázquez Piñón" userId="2f86a967-3c9c-4a39-b538-7e6c0574d83d" providerId="ADAL" clId="{6594851D-CEE0-4A2C-876F-BED761A92EC3}" dt="2022-08-15T09:57:46.119" v="129"/>
          <ac:picMkLst>
            <pc:docMk/>
            <pc:sldMk cId="3597724329" sldId="262"/>
            <ac:picMk id="8" creationId="{B8612F6C-8D94-05A4-7F7F-63A35680D184}"/>
          </ac:picMkLst>
        </pc:picChg>
      </pc:sldChg>
      <pc:sldChg chg="addSp delSp modSp new mod modClrScheme chgLayout">
        <pc:chgData name="Matias Vázquez Piñón" userId="2f86a967-3c9c-4a39-b538-7e6c0574d83d" providerId="ADAL" clId="{6594851D-CEE0-4A2C-876F-BED761A92EC3}" dt="2022-08-16T14:26:45.376" v="992" actId="700"/>
        <pc:sldMkLst>
          <pc:docMk/>
          <pc:sldMk cId="622507875" sldId="263"/>
        </pc:sldMkLst>
        <pc:spChg chg="del mod ord">
          <ac:chgData name="Matias Vázquez Piñón" userId="2f86a967-3c9c-4a39-b538-7e6c0574d83d" providerId="ADAL" clId="{6594851D-CEE0-4A2C-876F-BED761A92EC3}" dt="2022-08-16T14:17:52.429" v="874" actId="700"/>
          <ac:spMkLst>
            <pc:docMk/>
            <pc:sldMk cId="622507875" sldId="263"/>
            <ac:spMk id="2" creationId="{4001F3C6-33F9-6FA3-DF81-0B572B984FC7}"/>
          </ac:spMkLst>
        </pc:spChg>
        <pc:spChg chg="del mod">
          <ac:chgData name="Matias Vázquez Piñón" userId="2f86a967-3c9c-4a39-b538-7e6c0574d83d" providerId="ADAL" clId="{6594851D-CEE0-4A2C-876F-BED761A92EC3}" dt="2022-08-15T09:58:25.828" v="135"/>
          <ac:spMkLst>
            <pc:docMk/>
            <pc:sldMk cId="622507875" sldId="263"/>
            <ac:spMk id="3" creationId="{382E86F3-54B4-5F7A-35C5-2DD6258D94C1}"/>
          </ac:spMkLst>
        </pc:spChg>
        <pc:spChg chg="add mod ord">
          <ac:chgData name="Matias Vázquez Piñón" userId="2f86a967-3c9c-4a39-b538-7e6c0574d83d" providerId="ADAL" clId="{6594851D-CEE0-4A2C-876F-BED761A92EC3}" dt="2022-08-16T14:26:45.376" v="992" actId="700"/>
          <ac:spMkLst>
            <pc:docMk/>
            <pc:sldMk cId="622507875" sldId="263"/>
            <ac:spMk id="3" creationId="{FF512E78-335F-2C1D-FB95-93A6F877663B}"/>
          </ac:spMkLst>
        </pc:spChg>
        <pc:spChg chg="mod ord">
          <ac:chgData name="Matias Vázquez Piñón" userId="2f86a967-3c9c-4a39-b538-7e6c0574d83d" providerId="ADAL" clId="{6594851D-CEE0-4A2C-876F-BED761A92EC3}" dt="2022-08-16T14:26:45.376" v="992" actId="700"/>
          <ac:spMkLst>
            <pc:docMk/>
            <pc:sldMk cId="622507875" sldId="263"/>
            <ac:spMk id="4" creationId="{0A318828-D276-C233-EC86-4D3BD14576BE}"/>
          </ac:spMkLst>
        </pc:spChg>
        <pc:spChg chg="add del mod ord">
          <ac:chgData name="Matias Vázquez Piñón" userId="2f86a967-3c9c-4a39-b538-7e6c0574d83d" providerId="ADAL" clId="{6594851D-CEE0-4A2C-876F-BED761A92EC3}" dt="2022-08-16T14:17:54.347" v="875" actId="22"/>
          <ac:spMkLst>
            <pc:docMk/>
            <pc:sldMk cId="622507875" sldId="263"/>
            <ac:spMk id="6" creationId="{5E397A04-8B2A-376D-7F45-20542806A979}"/>
          </ac:spMkLst>
        </pc:spChg>
        <pc:spChg chg="add del mod">
          <ac:chgData name="Matias Vázquez Piñón" userId="2f86a967-3c9c-4a39-b538-7e6c0574d83d" providerId="ADAL" clId="{6594851D-CEE0-4A2C-876F-BED761A92EC3}" dt="2022-08-16T14:18:39.556" v="883" actId="22"/>
          <ac:spMkLst>
            <pc:docMk/>
            <pc:sldMk cId="622507875" sldId="263"/>
            <ac:spMk id="10" creationId="{5EB3B3B4-561E-7E2C-4FD5-990418CE3713}"/>
          </ac:spMkLst>
        </pc:spChg>
        <pc:graphicFrameChg chg="add del mod ord modGraphic">
          <ac:chgData name="Matias Vázquez Piñón" userId="2f86a967-3c9c-4a39-b538-7e6c0574d83d" providerId="ADAL" clId="{6594851D-CEE0-4A2C-876F-BED761A92EC3}" dt="2022-08-16T14:18:28.659" v="882" actId="478"/>
          <ac:graphicFrameMkLst>
            <pc:docMk/>
            <pc:sldMk cId="622507875" sldId="263"/>
            <ac:graphicFrameMk id="5" creationId="{F374463D-5E6D-92D0-1CD8-827571F7D251}"/>
          </ac:graphicFrameMkLst>
        </pc:graphicFrameChg>
        <pc:picChg chg="add mod ord">
          <ac:chgData name="Matias Vázquez Piñón" userId="2f86a967-3c9c-4a39-b538-7e6c0574d83d" providerId="ADAL" clId="{6594851D-CEE0-4A2C-876F-BED761A92EC3}" dt="2022-08-16T14:26:45.376" v="992" actId="700"/>
          <ac:picMkLst>
            <pc:docMk/>
            <pc:sldMk cId="622507875" sldId="263"/>
            <ac:picMk id="8" creationId="{E0066F59-EF26-71E5-9F11-EB9930E954CA}"/>
          </ac:picMkLst>
        </pc:picChg>
        <pc:picChg chg="add mod ord">
          <ac:chgData name="Matias Vázquez Piñón" userId="2f86a967-3c9c-4a39-b538-7e6c0574d83d" providerId="ADAL" clId="{6594851D-CEE0-4A2C-876F-BED761A92EC3}" dt="2022-08-16T14:26:45.376" v="992" actId="700"/>
          <ac:picMkLst>
            <pc:docMk/>
            <pc:sldMk cId="622507875" sldId="263"/>
            <ac:picMk id="12" creationId="{DE86632C-35A4-6E3C-905D-0A32B45B6795}"/>
          </ac:picMkLst>
        </pc:picChg>
      </pc:sldChg>
      <pc:sldChg chg="modSp new mod">
        <pc:chgData name="Matias Vázquez Piñón" userId="2f86a967-3c9c-4a39-b538-7e6c0574d83d" providerId="ADAL" clId="{6594851D-CEE0-4A2C-876F-BED761A92EC3}" dt="2022-08-15T09:59:11.284" v="162" actId="20577"/>
        <pc:sldMkLst>
          <pc:docMk/>
          <pc:sldMk cId="677354137" sldId="264"/>
        </pc:sldMkLst>
        <pc:spChg chg="mod">
          <ac:chgData name="Matias Vázquez Piñón" userId="2f86a967-3c9c-4a39-b538-7e6c0574d83d" providerId="ADAL" clId="{6594851D-CEE0-4A2C-876F-BED761A92EC3}" dt="2022-08-15T09:59:11.284" v="162" actId="20577"/>
          <ac:spMkLst>
            <pc:docMk/>
            <pc:sldMk cId="677354137" sldId="264"/>
            <ac:spMk id="2" creationId="{D3ED6967-CBF2-27C6-EE59-53BDF7858D5F}"/>
          </ac:spMkLst>
        </pc:spChg>
      </pc:sldChg>
      <pc:sldChg chg="addSp delSp modSp new ord">
        <pc:chgData name="Matias Vázquez Piñón" userId="2f86a967-3c9c-4a39-b538-7e6c0574d83d" providerId="ADAL" clId="{6594851D-CEE0-4A2C-876F-BED761A92EC3}" dt="2022-08-19T08:07:48.039" v="1310"/>
        <pc:sldMkLst>
          <pc:docMk/>
          <pc:sldMk cId="756237579" sldId="265"/>
        </pc:sldMkLst>
        <pc:spChg chg="del">
          <ac:chgData name="Matias Vázquez Piñón" userId="2f86a967-3c9c-4a39-b538-7e6c0574d83d" providerId="ADAL" clId="{6594851D-CEE0-4A2C-876F-BED761A92EC3}" dt="2022-08-15T09:59:28.720" v="164"/>
          <ac:spMkLst>
            <pc:docMk/>
            <pc:sldMk cId="756237579" sldId="265"/>
            <ac:spMk id="3" creationId="{2162CCF9-F508-A906-E6B4-3C72D0642B98}"/>
          </ac:spMkLst>
        </pc:spChg>
        <pc:picChg chg="add mod">
          <ac:chgData name="Matias Vázquez Piñón" userId="2f86a967-3c9c-4a39-b538-7e6c0574d83d" providerId="ADAL" clId="{6594851D-CEE0-4A2C-876F-BED761A92EC3}" dt="2022-08-15T09:59:28.720" v="164"/>
          <ac:picMkLst>
            <pc:docMk/>
            <pc:sldMk cId="756237579" sldId="265"/>
            <ac:picMk id="6" creationId="{0D04321B-3D84-E225-2C7E-C9101DCD5884}"/>
          </ac:picMkLst>
        </pc:picChg>
      </pc:sldChg>
      <pc:sldChg chg="addSp delSp modSp add del mod">
        <pc:chgData name="Matias Vázquez Piñón" userId="2f86a967-3c9c-4a39-b538-7e6c0574d83d" providerId="ADAL" clId="{6594851D-CEE0-4A2C-876F-BED761A92EC3}" dt="2022-08-19T08:31:03.278" v="1690" actId="20577"/>
        <pc:sldMkLst>
          <pc:docMk/>
          <pc:sldMk cId="1944785628" sldId="266"/>
        </pc:sldMkLst>
        <pc:spChg chg="mod">
          <ac:chgData name="Matias Vázquez Piñón" userId="2f86a967-3c9c-4a39-b538-7e6c0574d83d" providerId="ADAL" clId="{6594851D-CEE0-4A2C-876F-BED761A92EC3}" dt="2022-08-19T08:09:40.763" v="1350" actId="20577"/>
          <ac:spMkLst>
            <pc:docMk/>
            <pc:sldMk cId="1944785628" sldId="266"/>
            <ac:spMk id="2" creationId="{AB517934-053F-FF86-552E-F307D2D9DA4B}"/>
          </ac:spMkLst>
        </pc:spChg>
        <pc:spChg chg="add mod">
          <ac:chgData name="Matias Vázquez Piñón" userId="2f86a967-3c9c-4a39-b538-7e6c0574d83d" providerId="ADAL" clId="{6594851D-CEE0-4A2C-876F-BED761A92EC3}" dt="2022-08-19T08:13:32.704" v="1435" actId="14100"/>
          <ac:spMkLst>
            <pc:docMk/>
            <pc:sldMk cId="1944785628" sldId="266"/>
            <ac:spMk id="4" creationId="{1F0389DA-86A2-1868-1EC5-09E7174EDA7F}"/>
          </ac:spMkLst>
        </pc:spChg>
        <pc:spChg chg="mod">
          <ac:chgData name="Matias Vázquez Piñón" userId="2f86a967-3c9c-4a39-b538-7e6c0574d83d" providerId="ADAL" clId="{6594851D-CEE0-4A2C-876F-BED761A92EC3}" dt="2022-08-15T10:00:01.180" v="165"/>
          <ac:spMkLst>
            <pc:docMk/>
            <pc:sldMk cId="1944785628" sldId="266"/>
            <ac:spMk id="5" creationId="{8ED65948-3C46-409B-BE4C-603156495089}"/>
          </ac:spMkLst>
        </pc:spChg>
        <pc:spChg chg="add mod">
          <ac:chgData name="Matias Vázquez Piñón" userId="2f86a967-3c9c-4a39-b538-7e6c0574d83d" providerId="ADAL" clId="{6594851D-CEE0-4A2C-876F-BED761A92EC3}" dt="2022-08-19T08:13:30.783" v="1434" actId="14100"/>
          <ac:spMkLst>
            <pc:docMk/>
            <pc:sldMk cId="1944785628" sldId="266"/>
            <ac:spMk id="5" creationId="{A4ADF5D8-0DAD-E062-D75A-BE9003C3C9B2}"/>
          </ac:spMkLst>
        </pc:spChg>
        <pc:spChg chg="mod">
          <ac:chgData name="Matias Vázquez Piñón" userId="2f86a967-3c9c-4a39-b538-7e6c0574d83d" providerId="ADAL" clId="{6594851D-CEE0-4A2C-876F-BED761A92EC3}" dt="2022-08-19T08:31:03.278" v="1690" actId="20577"/>
          <ac:spMkLst>
            <pc:docMk/>
            <pc:sldMk cId="1944785628" sldId="266"/>
            <ac:spMk id="6" creationId="{A2A309B0-A3E7-707D-2E82-3AC7B3C91B3A}"/>
          </ac:spMkLst>
        </pc:spChg>
        <pc:spChg chg="del mod">
          <ac:chgData name="Matias Vázquez Piñón" userId="2f86a967-3c9c-4a39-b538-7e6c0574d83d" providerId="ADAL" clId="{6594851D-CEE0-4A2C-876F-BED761A92EC3}" dt="2022-08-19T08:10:34.779" v="1365" actId="478"/>
          <ac:spMkLst>
            <pc:docMk/>
            <pc:sldMk cId="1944785628" sldId="266"/>
            <ac:spMk id="10" creationId="{DFDFF52D-F9AA-0E92-1EFA-009793D9A509}"/>
          </ac:spMkLst>
        </pc:spChg>
        <pc:picChg chg="mod">
          <ac:chgData name="Matias Vázquez Piñón" userId="2f86a967-3c9c-4a39-b538-7e6c0574d83d" providerId="ADAL" clId="{6594851D-CEE0-4A2C-876F-BED761A92EC3}" dt="2022-08-19T08:10:17.751" v="1359" actId="1076"/>
          <ac:picMkLst>
            <pc:docMk/>
            <pc:sldMk cId="1944785628" sldId="266"/>
            <ac:picMk id="13" creationId="{EBA6DABB-A380-2114-7AF6-3167F2506869}"/>
          </ac:picMkLst>
        </pc:picChg>
      </pc:sldChg>
      <pc:sldChg chg="modSp mod chgLayout">
        <pc:chgData name="Matias Vázquez Piñón" userId="2f86a967-3c9c-4a39-b538-7e6c0574d83d" providerId="ADAL" clId="{6594851D-CEE0-4A2C-876F-BED761A92EC3}" dt="2022-08-19T08:31:44.959" v="1699" actId="20577"/>
        <pc:sldMkLst>
          <pc:docMk/>
          <pc:sldMk cId="3675564955" sldId="267"/>
        </pc:sldMkLst>
        <pc:spChg chg="mod ord">
          <ac:chgData name="Matias Vázquez Piñón" userId="2f86a967-3c9c-4a39-b538-7e6c0574d83d" providerId="ADAL" clId="{6594851D-CEE0-4A2C-876F-BED761A92EC3}" dt="2022-08-19T08:22:00.068" v="1461" actId="20577"/>
          <ac:spMkLst>
            <pc:docMk/>
            <pc:sldMk cId="3675564955" sldId="267"/>
            <ac:spMk id="2" creationId="{AB517934-053F-FF86-552E-F307D2D9DA4B}"/>
          </ac:spMkLst>
        </pc:spChg>
        <pc:spChg chg="mod ord">
          <ac:chgData name="Matias Vázquez Piñón" userId="2f86a967-3c9c-4a39-b538-7e6c0574d83d" providerId="ADAL" clId="{6594851D-CEE0-4A2C-876F-BED761A92EC3}" dt="2022-08-19T08:14:20.804" v="1456" actId="700"/>
          <ac:spMkLst>
            <pc:docMk/>
            <pc:sldMk cId="3675564955" sldId="267"/>
            <ac:spMk id="3" creationId="{AABEEDF2-3645-C5F3-5BD8-BF18B54D8105}"/>
          </ac:spMkLst>
        </pc:spChg>
        <pc:spChg chg="mod ord">
          <ac:chgData name="Matias Vázquez Piñón" userId="2f86a967-3c9c-4a39-b538-7e6c0574d83d" providerId="ADAL" clId="{6594851D-CEE0-4A2C-876F-BED761A92EC3}" dt="2022-08-19T08:31:44.959" v="1699" actId="20577"/>
          <ac:spMkLst>
            <pc:docMk/>
            <pc:sldMk cId="3675564955" sldId="267"/>
            <ac:spMk id="6" creationId="{A2A309B0-A3E7-707D-2E82-3AC7B3C91B3A}"/>
          </ac:spMkLst>
        </pc:spChg>
        <pc:picChg chg="mod ord">
          <ac:chgData name="Matias Vázquez Piñón" userId="2f86a967-3c9c-4a39-b538-7e6c0574d83d" providerId="ADAL" clId="{6594851D-CEE0-4A2C-876F-BED761A92EC3}" dt="2022-08-19T08:25:20.321" v="1658" actId="1076"/>
          <ac:picMkLst>
            <pc:docMk/>
            <pc:sldMk cId="3675564955" sldId="267"/>
            <ac:picMk id="7" creationId="{1AC9C3A6-69CC-E4E1-1252-A22F3B2C6BD0}"/>
          </ac:picMkLst>
        </pc:picChg>
      </pc:sldChg>
      <pc:sldChg chg="addSp delSp modSp del mod ord">
        <pc:chgData name="Matias Vázquez Piñón" userId="2f86a967-3c9c-4a39-b538-7e6c0574d83d" providerId="ADAL" clId="{6594851D-CEE0-4A2C-876F-BED761A92EC3}" dt="2022-08-23T11:11:12.809" v="2936" actId="47"/>
        <pc:sldMkLst>
          <pc:docMk/>
          <pc:sldMk cId="602807936" sldId="268"/>
        </pc:sldMkLst>
        <pc:spChg chg="mod">
          <ac:chgData name="Matias Vázquez Piñón" userId="2f86a967-3c9c-4a39-b538-7e6c0574d83d" providerId="ADAL" clId="{6594851D-CEE0-4A2C-876F-BED761A92EC3}" dt="2022-08-19T08:25:35.891" v="1671" actId="20577"/>
          <ac:spMkLst>
            <pc:docMk/>
            <pc:sldMk cId="602807936" sldId="268"/>
            <ac:spMk id="2" creationId="{6B8DF16B-DD8F-2544-5204-248394A34FEC}"/>
          </ac:spMkLst>
        </pc:spChg>
        <pc:spChg chg="add mod">
          <ac:chgData name="Matias Vázquez Piñón" userId="2f86a967-3c9c-4a39-b538-7e6c0574d83d" providerId="ADAL" clId="{6594851D-CEE0-4A2C-876F-BED761A92EC3}" dt="2022-08-23T10:41:35.486" v="2609" actId="478"/>
          <ac:spMkLst>
            <pc:docMk/>
            <pc:sldMk cId="602807936" sldId="268"/>
            <ac:spMk id="3" creationId="{28C3B11E-41AA-F4BB-A6AE-619B8764FAD9}"/>
          </ac:spMkLst>
        </pc:spChg>
        <pc:spChg chg="mod">
          <ac:chgData name="Matias Vázquez Piñón" userId="2f86a967-3c9c-4a39-b538-7e6c0574d83d" providerId="ADAL" clId="{6594851D-CEE0-4A2C-876F-BED761A92EC3}" dt="2022-08-15T10:00:34.599" v="171" actId="27636"/>
          <ac:spMkLst>
            <pc:docMk/>
            <pc:sldMk cId="602807936" sldId="268"/>
            <ac:spMk id="22" creationId="{C95292B4-10FE-F094-FFE9-2CCE537F3428}"/>
          </ac:spMkLst>
        </pc:spChg>
        <pc:picChg chg="del">
          <ac:chgData name="Matias Vázquez Piñón" userId="2f86a967-3c9c-4a39-b538-7e6c0574d83d" providerId="ADAL" clId="{6594851D-CEE0-4A2C-876F-BED761A92EC3}" dt="2022-08-23T10:41:35.486" v="2609" actId="478"/>
          <ac:picMkLst>
            <pc:docMk/>
            <pc:sldMk cId="602807936" sldId="268"/>
            <ac:picMk id="25" creationId="{BF26DA05-E5E6-284C-ADE7-F6DDF7D91929}"/>
          </ac:picMkLst>
        </pc:picChg>
      </pc:sldChg>
      <pc:sldChg chg="del">
        <pc:chgData name="Matias Vázquez Piñón" userId="2f86a967-3c9c-4a39-b538-7e6c0574d83d" providerId="ADAL" clId="{6594851D-CEE0-4A2C-876F-BED761A92EC3}" dt="2022-08-19T08:27:01.373" v="1674" actId="47"/>
        <pc:sldMkLst>
          <pc:docMk/>
          <pc:sldMk cId="4285240144" sldId="270"/>
        </pc:sldMkLst>
      </pc:sldChg>
      <pc:sldChg chg="del">
        <pc:chgData name="Matias Vázquez Piñón" userId="2f86a967-3c9c-4a39-b538-7e6c0574d83d" providerId="ADAL" clId="{6594851D-CEE0-4A2C-876F-BED761A92EC3}" dt="2022-08-19T08:27:13.467" v="1675" actId="47"/>
        <pc:sldMkLst>
          <pc:docMk/>
          <pc:sldMk cId="2588015621" sldId="272"/>
        </pc:sldMkLst>
      </pc:sldChg>
      <pc:sldChg chg="del">
        <pc:chgData name="Matias Vázquez Piñón" userId="2f86a967-3c9c-4a39-b538-7e6c0574d83d" providerId="ADAL" clId="{6594851D-CEE0-4A2C-876F-BED761A92EC3}" dt="2022-08-19T08:27:19.534" v="1676" actId="47"/>
        <pc:sldMkLst>
          <pc:docMk/>
          <pc:sldMk cId="2168727543" sldId="273"/>
        </pc:sldMkLst>
      </pc:sldChg>
      <pc:sldChg chg="del">
        <pc:chgData name="Matias Vázquez Piñón" userId="2f86a967-3c9c-4a39-b538-7e6c0574d83d" providerId="ADAL" clId="{6594851D-CEE0-4A2C-876F-BED761A92EC3}" dt="2022-08-19T08:27:20.664" v="1677" actId="47"/>
        <pc:sldMkLst>
          <pc:docMk/>
          <pc:sldMk cId="358722331" sldId="274"/>
        </pc:sldMkLst>
      </pc:sldChg>
      <pc:sldChg chg="modSp del mod">
        <pc:chgData name="Matias Vázquez Piñón" userId="2f86a967-3c9c-4a39-b538-7e6c0574d83d" providerId="ADAL" clId="{6594851D-CEE0-4A2C-876F-BED761A92EC3}" dt="2022-08-19T08:27:29.376" v="1678" actId="47"/>
        <pc:sldMkLst>
          <pc:docMk/>
          <pc:sldMk cId="2652427712" sldId="275"/>
        </pc:sldMkLst>
        <pc:graphicFrameChg chg="modGraphic">
          <ac:chgData name="Matias Vázquez Piñón" userId="2f86a967-3c9c-4a39-b538-7e6c0574d83d" providerId="ADAL" clId="{6594851D-CEE0-4A2C-876F-BED761A92EC3}" dt="2022-08-15T10:01:04.561" v="173" actId="12385"/>
          <ac:graphicFrameMkLst>
            <pc:docMk/>
            <pc:sldMk cId="2652427712" sldId="275"/>
            <ac:graphicFrameMk id="6" creationId="{031046F1-DFBE-16BE-4F04-443AC5709B33}"/>
          </ac:graphicFrameMkLst>
        </pc:graphicFrameChg>
      </pc:sldChg>
      <pc:sldChg chg="modSp new mod ord">
        <pc:chgData name="Matias Vázquez Piñón" userId="2f86a967-3c9c-4a39-b538-7e6c0574d83d" providerId="ADAL" clId="{6594851D-CEE0-4A2C-876F-BED761A92EC3}" dt="2022-08-16T14:06:27.448" v="361" actId="20577"/>
        <pc:sldMkLst>
          <pc:docMk/>
          <pc:sldMk cId="2429412400" sldId="276"/>
        </pc:sldMkLst>
        <pc:spChg chg="mod">
          <ac:chgData name="Matias Vázquez Piñón" userId="2f86a967-3c9c-4a39-b538-7e6c0574d83d" providerId="ADAL" clId="{6594851D-CEE0-4A2C-876F-BED761A92EC3}" dt="2022-08-15T10:03:03.230" v="236" actId="20577"/>
          <ac:spMkLst>
            <pc:docMk/>
            <pc:sldMk cId="2429412400" sldId="276"/>
            <ac:spMk id="2" creationId="{5FB5D724-7A69-F201-D7A3-2751D2E6CEC0}"/>
          </ac:spMkLst>
        </pc:spChg>
        <pc:spChg chg="mod">
          <ac:chgData name="Matias Vázquez Piñón" userId="2f86a967-3c9c-4a39-b538-7e6c0574d83d" providerId="ADAL" clId="{6594851D-CEE0-4A2C-876F-BED761A92EC3}" dt="2022-08-16T14:06:27.448" v="361" actId="20577"/>
          <ac:spMkLst>
            <pc:docMk/>
            <pc:sldMk cId="2429412400" sldId="276"/>
            <ac:spMk id="3" creationId="{842DB822-089B-CD2E-DD66-1D551B373CE8}"/>
          </ac:spMkLst>
        </pc:spChg>
      </pc:sldChg>
      <pc:sldChg chg="modSp new mod ord">
        <pc:chgData name="Matias Vázquez Piñón" userId="2f86a967-3c9c-4a39-b538-7e6c0574d83d" providerId="ADAL" clId="{6594851D-CEE0-4A2C-876F-BED761A92EC3}" dt="2022-08-16T14:06:38.424" v="363" actId="20577"/>
        <pc:sldMkLst>
          <pc:docMk/>
          <pc:sldMk cId="3779636042" sldId="277"/>
        </pc:sldMkLst>
        <pc:spChg chg="mod">
          <ac:chgData name="Matias Vázquez Piñón" userId="2f86a967-3c9c-4a39-b538-7e6c0574d83d" providerId="ADAL" clId="{6594851D-CEE0-4A2C-876F-BED761A92EC3}" dt="2022-08-15T10:03:39.606" v="260" actId="20577"/>
          <ac:spMkLst>
            <pc:docMk/>
            <pc:sldMk cId="3779636042" sldId="277"/>
            <ac:spMk id="2" creationId="{0DA10F91-0D5A-CD52-A658-0677B4124440}"/>
          </ac:spMkLst>
        </pc:spChg>
        <pc:spChg chg="mod">
          <ac:chgData name="Matias Vázquez Piñón" userId="2f86a967-3c9c-4a39-b538-7e6c0574d83d" providerId="ADAL" clId="{6594851D-CEE0-4A2C-876F-BED761A92EC3}" dt="2022-08-16T14:06:38.424" v="363" actId="20577"/>
          <ac:spMkLst>
            <pc:docMk/>
            <pc:sldMk cId="3779636042" sldId="277"/>
            <ac:spMk id="3" creationId="{97FE3A81-9DAC-5520-6203-F35336D8693C}"/>
          </ac:spMkLst>
        </pc:spChg>
      </pc:sldChg>
      <pc:sldChg chg="modSp new mod">
        <pc:chgData name="Matias Vázquez Piñón" userId="2f86a967-3c9c-4a39-b538-7e6c0574d83d" providerId="ADAL" clId="{6594851D-CEE0-4A2C-876F-BED761A92EC3}" dt="2022-08-16T14:06:41.282" v="364"/>
        <pc:sldMkLst>
          <pc:docMk/>
          <pc:sldMk cId="3286921969" sldId="278"/>
        </pc:sldMkLst>
        <pc:spChg chg="mod">
          <ac:chgData name="Matias Vázquez Piñón" userId="2f86a967-3c9c-4a39-b538-7e6c0574d83d" providerId="ADAL" clId="{6594851D-CEE0-4A2C-876F-BED761A92EC3}" dt="2022-08-15T10:04:27.815" v="287" actId="20577"/>
          <ac:spMkLst>
            <pc:docMk/>
            <pc:sldMk cId="3286921969" sldId="278"/>
            <ac:spMk id="2" creationId="{C87C9399-AEC1-19C4-A666-76E7C1027CFE}"/>
          </ac:spMkLst>
        </pc:spChg>
        <pc:spChg chg="mod">
          <ac:chgData name="Matias Vázquez Piñón" userId="2f86a967-3c9c-4a39-b538-7e6c0574d83d" providerId="ADAL" clId="{6594851D-CEE0-4A2C-876F-BED761A92EC3}" dt="2022-08-16T14:06:41.282" v="364"/>
          <ac:spMkLst>
            <pc:docMk/>
            <pc:sldMk cId="3286921969" sldId="278"/>
            <ac:spMk id="3" creationId="{FA864493-C257-F2BA-172D-F5CCAB623D3D}"/>
          </ac:spMkLst>
        </pc:spChg>
      </pc:sldChg>
      <pc:sldChg chg="modSp new mod ord">
        <pc:chgData name="Matias Vázquez Piñón" userId="2f86a967-3c9c-4a39-b538-7e6c0574d83d" providerId="ADAL" clId="{6594851D-CEE0-4A2C-876F-BED761A92EC3}" dt="2022-08-19T08:07:12.940" v="1308"/>
        <pc:sldMkLst>
          <pc:docMk/>
          <pc:sldMk cId="262411750" sldId="279"/>
        </pc:sldMkLst>
        <pc:spChg chg="mod">
          <ac:chgData name="Matias Vázquez Piñón" userId="2f86a967-3c9c-4a39-b538-7e6c0574d83d" providerId="ADAL" clId="{6594851D-CEE0-4A2C-876F-BED761A92EC3}" dt="2022-08-15T10:04:53.449" v="332" actId="20577"/>
          <ac:spMkLst>
            <pc:docMk/>
            <pc:sldMk cId="262411750" sldId="279"/>
            <ac:spMk id="2" creationId="{F7EE76C3-9EA9-BDBF-2A47-E34A54F7D3EC}"/>
          </ac:spMkLst>
        </pc:spChg>
        <pc:spChg chg="mod">
          <ac:chgData name="Matias Vázquez Piñón" userId="2f86a967-3c9c-4a39-b538-7e6c0574d83d" providerId="ADAL" clId="{6594851D-CEE0-4A2C-876F-BED761A92EC3}" dt="2022-08-16T14:06:51.141" v="366" actId="20577"/>
          <ac:spMkLst>
            <pc:docMk/>
            <pc:sldMk cId="262411750" sldId="279"/>
            <ac:spMk id="3" creationId="{07D9240F-5618-81AC-02A1-14493128452D}"/>
          </ac:spMkLst>
        </pc:spChg>
      </pc:sldChg>
      <pc:sldChg chg="addSp delSp modSp new mod">
        <pc:chgData name="Matias Vázquez Piñón" userId="2f86a967-3c9c-4a39-b538-7e6c0574d83d" providerId="ADAL" clId="{6594851D-CEE0-4A2C-876F-BED761A92EC3}" dt="2022-08-16T14:16:02.793" v="869" actId="120"/>
        <pc:sldMkLst>
          <pc:docMk/>
          <pc:sldMk cId="2866640030" sldId="280"/>
        </pc:sldMkLst>
        <pc:spChg chg="mod">
          <ac:chgData name="Matias Vázquez Piñón" userId="2f86a967-3c9c-4a39-b538-7e6c0574d83d" providerId="ADAL" clId="{6594851D-CEE0-4A2C-876F-BED761A92EC3}" dt="2022-08-16T14:10:00.047" v="471" actId="20577"/>
          <ac:spMkLst>
            <pc:docMk/>
            <pc:sldMk cId="2866640030" sldId="280"/>
            <ac:spMk id="2" creationId="{A0A0C4EF-3578-50F1-F40B-142FB05C1FA2}"/>
          </ac:spMkLst>
        </pc:spChg>
        <pc:spChg chg="mod">
          <ac:chgData name="Matias Vázquez Piñón" userId="2f86a967-3c9c-4a39-b538-7e6c0574d83d" providerId="ADAL" clId="{6594851D-CEE0-4A2C-876F-BED761A92EC3}" dt="2022-08-16T14:16:02.793" v="869" actId="120"/>
          <ac:spMkLst>
            <pc:docMk/>
            <pc:sldMk cId="2866640030" sldId="280"/>
            <ac:spMk id="3" creationId="{C8880725-AB83-D59C-0D80-73C0B849BD69}"/>
          </ac:spMkLst>
        </pc:spChg>
        <pc:spChg chg="del">
          <ac:chgData name="Matias Vázquez Piñón" userId="2f86a967-3c9c-4a39-b538-7e6c0574d83d" providerId="ADAL" clId="{6594851D-CEE0-4A2C-876F-BED761A92EC3}" dt="2022-08-16T14:09:18.525" v="373" actId="22"/>
          <ac:spMkLst>
            <pc:docMk/>
            <pc:sldMk cId="2866640030" sldId="280"/>
            <ac:spMk id="4" creationId="{1CC7DA27-ADE6-D472-AF5E-A5439EA0E4F9}"/>
          </ac:spMkLst>
        </pc:spChg>
        <pc:picChg chg="add mod ord">
          <ac:chgData name="Matias Vázquez Piñón" userId="2f86a967-3c9c-4a39-b538-7e6c0574d83d" providerId="ADAL" clId="{6594851D-CEE0-4A2C-876F-BED761A92EC3}" dt="2022-08-16T14:09:18.525" v="373" actId="22"/>
          <ac:picMkLst>
            <pc:docMk/>
            <pc:sldMk cId="2866640030" sldId="280"/>
            <ac:picMk id="7" creationId="{6B4BB270-FC27-B187-D93C-84FA0FC98E78}"/>
          </ac:picMkLst>
        </pc:picChg>
      </pc:sldChg>
      <pc:sldChg chg="addSp delSp modSp new mod">
        <pc:chgData name="Matias Vázquez Piñón" userId="2f86a967-3c9c-4a39-b538-7e6c0574d83d" providerId="ADAL" clId="{6594851D-CEE0-4A2C-876F-BED761A92EC3}" dt="2022-08-16T14:33:01.688" v="1306"/>
        <pc:sldMkLst>
          <pc:docMk/>
          <pc:sldMk cId="2657048017" sldId="281"/>
        </pc:sldMkLst>
        <pc:spChg chg="mod">
          <ac:chgData name="Matias Vázquez Piñón" userId="2f86a967-3c9c-4a39-b538-7e6c0574d83d" providerId="ADAL" clId="{6594851D-CEE0-4A2C-876F-BED761A92EC3}" dt="2022-08-16T14:27:03.823" v="1017" actId="20577"/>
          <ac:spMkLst>
            <pc:docMk/>
            <pc:sldMk cId="2657048017" sldId="281"/>
            <ac:spMk id="2" creationId="{C5467F25-6D54-2C74-127B-7EDC0CC06488}"/>
          </ac:spMkLst>
        </pc:spChg>
        <pc:spChg chg="mod">
          <ac:chgData name="Matias Vázquez Piñón" userId="2f86a967-3c9c-4a39-b538-7e6c0574d83d" providerId="ADAL" clId="{6594851D-CEE0-4A2C-876F-BED761A92EC3}" dt="2022-08-16T14:33:01.688" v="1306"/>
          <ac:spMkLst>
            <pc:docMk/>
            <pc:sldMk cId="2657048017" sldId="281"/>
            <ac:spMk id="3" creationId="{5AC65F18-17AC-A7DC-7F31-C4210AEE0E52}"/>
          </ac:spMkLst>
        </pc:spChg>
        <pc:spChg chg="del">
          <ac:chgData name="Matias Vázquez Piñón" userId="2f86a967-3c9c-4a39-b538-7e6c0574d83d" providerId="ADAL" clId="{6594851D-CEE0-4A2C-876F-BED761A92EC3}" dt="2022-08-16T14:27:21.771" v="1020"/>
          <ac:spMkLst>
            <pc:docMk/>
            <pc:sldMk cId="2657048017" sldId="281"/>
            <ac:spMk id="4" creationId="{FAFAE114-377B-673C-2ECF-DCA48C38C1B7}"/>
          </ac:spMkLst>
        </pc:spChg>
        <pc:spChg chg="del">
          <ac:chgData name="Matias Vázquez Piñón" userId="2f86a967-3c9c-4a39-b538-7e6c0574d83d" providerId="ADAL" clId="{6594851D-CEE0-4A2C-876F-BED761A92EC3}" dt="2022-08-16T14:27:52.485" v="1025" actId="22"/>
          <ac:spMkLst>
            <pc:docMk/>
            <pc:sldMk cId="2657048017" sldId="281"/>
            <ac:spMk id="5" creationId="{A2FB849E-7E68-AAAD-AD28-92876D73B51E}"/>
          </ac:spMkLst>
        </pc:spChg>
        <pc:spChg chg="add mod">
          <ac:chgData name="Matias Vázquez Piñón" userId="2f86a967-3c9c-4a39-b538-7e6c0574d83d" providerId="ADAL" clId="{6594851D-CEE0-4A2C-876F-BED761A92EC3}" dt="2022-08-16T14:29:54.500" v="1080" actId="1076"/>
          <ac:spMkLst>
            <pc:docMk/>
            <pc:sldMk cId="2657048017" sldId="281"/>
            <ac:spMk id="12" creationId="{C5F082DC-50E9-BA8C-C1D2-0CF2DC2D9B64}"/>
          </ac:spMkLst>
        </pc:spChg>
        <pc:spChg chg="add mod">
          <ac:chgData name="Matias Vázquez Piñón" userId="2f86a967-3c9c-4a39-b538-7e6c0574d83d" providerId="ADAL" clId="{6594851D-CEE0-4A2C-876F-BED761A92EC3}" dt="2022-08-16T14:29:06.953" v="1074" actId="20577"/>
          <ac:spMkLst>
            <pc:docMk/>
            <pc:sldMk cId="2657048017" sldId="281"/>
            <ac:spMk id="13" creationId="{2B9AFA17-E88C-4FD4-9238-CB5C9DCD3150}"/>
          </ac:spMkLst>
        </pc:spChg>
        <pc:picChg chg="add del">
          <ac:chgData name="Matias Vázquez Piñón" userId="2f86a967-3c9c-4a39-b538-7e6c0574d83d" providerId="ADAL" clId="{6594851D-CEE0-4A2C-876F-BED761A92EC3}" dt="2022-08-16T14:27:19.866" v="1019" actId="21"/>
          <ac:picMkLst>
            <pc:docMk/>
            <pc:sldMk cId="2657048017" sldId="281"/>
            <ac:picMk id="8" creationId="{9AA9697D-E603-CA41-FB1B-8B9BAF85C2A4}"/>
          </ac:picMkLst>
        </pc:picChg>
        <pc:picChg chg="add mod">
          <ac:chgData name="Matias Vázquez Piñón" userId="2f86a967-3c9c-4a39-b538-7e6c0574d83d" providerId="ADAL" clId="{6594851D-CEE0-4A2C-876F-BED761A92EC3}" dt="2022-08-16T14:29:34.459" v="1077" actId="18131"/>
          <ac:picMkLst>
            <pc:docMk/>
            <pc:sldMk cId="2657048017" sldId="281"/>
            <ac:picMk id="9" creationId="{F63CA2B3-686B-94D5-8BF6-6EB664842E4C}"/>
          </ac:picMkLst>
        </pc:picChg>
        <pc:picChg chg="add mod ord modCrop">
          <ac:chgData name="Matias Vázquez Piñón" userId="2f86a967-3c9c-4a39-b538-7e6c0574d83d" providerId="ADAL" clId="{6594851D-CEE0-4A2C-876F-BED761A92EC3}" dt="2022-08-16T14:29:49.899" v="1079" actId="18131"/>
          <ac:picMkLst>
            <pc:docMk/>
            <pc:sldMk cId="2657048017" sldId="281"/>
            <ac:picMk id="11" creationId="{E6339704-9402-6047-33F7-CEDF841E3DB5}"/>
          </ac:picMkLst>
        </pc:picChg>
      </pc:sldChg>
      <pc:sldChg chg="addSp delSp modSp mod chgLayout">
        <pc:chgData name="Matias Vázquez Piñón" userId="2f86a967-3c9c-4a39-b538-7e6c0574d83d" providerId="ADAL" clId="{6594851D-CEE0-4A2C-876F-BED761A92EC3}" dt="2022-08-23T14:05:06.544" v="3343" actId="20577"/>
        <pc:sldMkLst>
          <pc:docMk/>
          <pc:sldMk cId="2473330086" sldId="295"/>
        </pc:sldMkLst>
        <pc:spChg chg="add del mod ord">
          <ac:chgData name="Matias Vázquez Piñón" userId="2f86a967-3c9c-4a39-b538-7e6c0574d83d" providerId="ADAL" clId="{6594851D-CEE0-4A2C-876F-BED761A92EC3}" dt="2022-08-23T14:04:49.277" v="3318" actId="700"/>
          <ac:spMkLst>
            <pc:docMk/>
            <pc:sldMk cId="2473330086" sldId="295"/>
            <ac:spMk id="2" creationId="{7C2956A2-A311-F459-56FB-69EF3FF0EB67}"/>
          </ac:spMkLst>
        </pc:spChg>
        <pc:spChg chg="mod ord">
          <ac:chgData name="Matias Vázquez Piñón" userId="2f86a967-3c9c-4a39-b538-7e6c0574d83d" providerId="ADAL" clId="{6594851D-CEE0-4A2C-876F-BED761A92EC3}" dt="2022-08-23T14:04:49.277" v="3318" actId="700"/>
          <ac:spMkLst>
            <pc:docMk/>
            <pc:sldMk cId="2473330086" sldId="295"/>
            <ac:spMk id="5" creationId="{3CE86259-A478-FA8D-018D-21501FFD6FD6}"/>
          </ac:spMkLst>
        </pc:spChg>
        <pc:spChg chg="mod ord">
          <ac:chgData name="Matias Vázquez Piñón" userId="2f86a967-3c9c-4a39-b538-7e6c0574d83d" providerId="ADAL" clId="{6594851D-CEE0-4A2C-876F-BED761A92EC3}" dt="2022-08-23T14:05:06.544" v="3343" actId="20577"/>
          <ac:spMkLst>
            <pc:docMk/>
            <pc:sldMk cId="2473330086" sldId="295"/>
            <ac:spMk id="6" creationId="{34007F3E-9AAC-1E56-D590-855686936CCD}"/>
          </ac:spMkLst>
        </pc:spChg>
        <pc:spChg chg="mod ord">
          <ac:chgData name="Matias Vázquez Piñón" userId="2f86a967-3c9c-4a39-b538-7e6c0574d83d" providerId="ADAL" clId="{6594851D-CEE0-4A2C-876F-BED761A92EC3}" dt="2022-08-23T14:04:49.277" v="3318" actId="700"/>
          <ac:spMkLst>
            <pc:docMk/>
            <pc:sldMk cId="2473330086" sldId="295"/>
            <ac:spMk id="7" creationId="{7ABD9E20-3E63-2A06-A278-DD3FCB5BA0AC}"/>
          </ac:spMkLst>
        </pc:spChg>
      </pc:sldChg>
      <pc:sldChg chg="addSp delSp modSp new mod ord modClrScheme chgLayout">
        <pc:chgData name="Matias Vázquez Piñón" userId="2f86a967-3c9c-4a39-b538-7e6c0574d83d" providerId="ADAL" clId="{6594851D-CEE0-4A2C-876F-BED761A92EC3}" dt="2022-08-23T10:40:16.573" v="2608" actId="478"/>
        <pc:sldMkLst>
          <pc:docMk/>
          <pc:sldMk cId="3451113877" sldId="296"/>
        </pc:sldMkLst>
        <pc:spChg chg="del mod ord">
          <ac:chgData name="Matias Vázquez Piñón" userId="2f86a967-3c9c-4a39-b538-7e6c0574d83d" providerId="ADAL" clId="{6594851D-CEE0-4A2C-876F-BED761A92EC3}" dt="2022-08-23T07:56:34.265" v="1703" actId="700"/>
          <ac:spMkLst>
            <pc:docMk/>
            <pc:sldMk cId="3451113877" sldId="296"/>
            <ac:spMk id="2" creationId="{B10ADCE4-12C0-B176-1B48-096FFB9F1F00}"/>
          </ac:spMkLst>
        </pc:spChg>
        <pc:spChg chg="del mod ord">
          <ac:chgData name="Matias Vázquez Piñón" userId="2f86a967-3c9c-4a39-b538-7e6c0574d83d" providerId="ADAL" clId="{6594851D-CEE0-4A2C-876F-BED761A92EC3}" dt="2022-08-23T07:56:34.265" v="1703" actId="700"/>
          <ac:spMkLst>
            <pc:docMk/>
            <pc:sldMk cId="3451113877" sldId="296"/>
            <ac:spMk id="3" creationId="{D99D1CBE-AC5A-104D-08FB-674CA6FD77A0}"/>
          </ac:spMkLst>
        </pc:spChg>
        <pc:spChg chg="del">
          <ac:chgData name="Matias Vázquez Piñón" userId="2f86a967-3c9c-4a39-b538-7e6c0574d83d" providerId="ADAL" clId="{6594851D-CEE0-4A2C-876F-BED761A92EC3}" dt="2022-08-23T07:56:34.265" v="1703" actId="700"/>
          <ac:spMkLst>
            <pc:docMk/>
            <pc:sldMk cId="3451113877" sldId="296"/>
            <ac:spMk id="4" creationId="{24989AD0-B6C9-6C88-A0BE-CA17430ADDB0}"/>
          </ac:spMkLst>
        </pc:spChg>
        <pc:spChg chg="mod ord">
          <ac:chgData name="Matias Vázquez Piñón" userId="2f86a967-3c9c-4a39-b538-7e6c0574d83d" providerId="ADAL" clId="{6594851D-CEE0-4A2C-876F-BED761A92EC3}" dt="2022-08-23T10:39:29.021" v="2599" actId="26606"/>
          <ac:spMkLst>
            <pc:docMk/>
            <pc:sldMk cId="3451113877" sldId="296"/>
            <ac:spMk id="5" creationId="{212DECE0-B7BC-6B8C-4FBA-07C43735591E}"/>
          </ac:spMkLst>
        </pc:spChg>
        <pc:spChg chg="add mod ord">
          <ac:chgData name="Matias Vázquez Piñón" userId="2f86a967-3c9c-4a39-b538-7e6c0574d83d" providerId="ADAL" clId="{6594851D-CEE0-4A2C-876F-BED761A92EC3}" dt="2022-08-23T10:39:29.021" v="2599" actId="26606"/>
          <ac:spMkLst>
            <pc:docMk/>
            <pc:sldMk cId="3451113877" sldId="296"/>
            <ac:spMk id="6" creationId="{596685D5-B7E8-EC7A-7FCE-81735F69E848}"/>
          </ac:spMkLst>
        </pc:spChg>
        <pc:spChg chg="add del mod ord">
          <ac:chgData name="Matias Vázquez Piñón" userId="2f86a967-3c9c-4a39-b538-7e6c0574d83d" providerId="ADAL" clId="{6594851D-CEE0-4A2C-876F-BED761A92EC3}" dt="2022-08-23T10:39:29.021" v="2599" actId="26606"/>
          <ac:spMkLst>
            <pc:docMk/>
            <pc:sldMk cId="3451113877" sldId="296"/>
            <ac:spMk id="7" creationId="{22E25C78-7D4D-A985-DD37-65537444D6F1}"/>
          </ac:spMkLst>
        </pc:spChg>
        <pc:spChg chg="add del mod">
          <ac:chgData name="Matias Vázquez Piñón" userId="2f86a967-3c9c-4a39-b538-7e6c0574d83d" providerId="ADAL" clId="{6594851D-CEE0-4A2C-876F-BED761A92EC3}" dt="2022-08-23T10:39:14.667" v="2595" actId="21"/>
          <ac:spMkLst>
            <pc:docMk/>
            <pc:sldMk cId="3451113877" sldId="296"/>
            <ac:spMk id="17" creationId="{EAD7966C-8823-2216-4B96-658A578210A9}"/>
          </ac:spMkLst>
        </pc:spChg>
        <pc:spChg chg="add del mod">
          <ac:chgData name="Matias Vázquez Piñón" userId="2f86a967-3c9c-4a39-b538-7e6c0574d83d" providerId="ADAL" clId="{6594851D-CEE0-4A2C-876F-BED761A92EC3}" dt="2022-08-23T10:39:14.355" v="2594"/>
          <ac:spMkLst>
            <pc:docMk/>
            <pc:sldMk cId="3451113877" sldId="296"/>
            <ac:spMk id="18" creationId="{FA380F1D-8343-9B25-8E63-3350BEE9A194}"/>
          </ac:spMkLst>
        </pc:spChg>
        <pc:spChg chg="add del mod ord">
          <ac:chgData name="Matias Vázquez Piñón" userId="2f86a967-3c9c-4a39-b538-7e6c0574d83d" providerId="ADAL" clId="{6594851D-CEE0-4A2C-876F-BED761A92EC3}" dt="2022-08-23T10:39:21.814" v="2598"/>
          <ac:spMkLst>
            <pc:docMk/>
            <pc:sldMk cId="3451113877" sldId="296"/>
            <ac:spMk id="19" creationId="{4C2D0975-FF8A-9ECD-D190-61C400DE71A5}"/>
          </ac:spMkLst>
        </pc:spChg>
        <pc:spChg chg="add del mod">
          <ac:chgData name="Matias Vázquez Piñón" userId="2f86a967-3c9c-4a39-b538-7e6c0574d83d" providerId="ADAL" clId="{6594851D-CEE0-4A2C-876F-BED761A92EC3}" dt="2022-08-23T10:39:48.151" v="2605"/>
          <ac:spMkLst>
            <pc:docMk/>
            <pc:sldMk cId="3451113877" sldId="296"/>
            <ac:spMk id="21" creationId="{964C1D91-A42F-AAE4-F40E-B23D6BF75F8F}"/>
          </ac:spMkLst>
        </pc:spChg>
        <pc:spChg chg="add del mod">
          <ac:chgData name="Matias Vázquez Piñón" userId="2f86a967-3c9c-4a39-b538-7e6c0574d83d" providerId="ADAL" clId="{6594851D-CEE0-4A2C-876F-BED761A92EC3}" dt="2022-08-23T10:40:16.573" v="2608" actId="478"/>
          <ac:spMkLst>
            <pc:docMk/>
            <pc:sldMk cId="3451113877" sldId="296"/>
            <ac:spMk id="26" creationId="{B3B9ECD4-9F67-AB29-C90C-7F914A00CF84}"/>
          </ac:spMkLst>
        </pc:spChg>
        <pc:spChg chg="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29" creationId="{B779BB4F-2CB3-C0F3-19FC-661F59CB09CE}"/>
          </ac:spMkLst>
        </pc:spChg>
        <pc:spChg chg="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30" creationId="{B77C55CD-A389-B281-D72E-9AAA2AE2D4EA}"/>
          </ac:spMkLst>
        </pc:spChg>
        <pc:spChg chg="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32" creationId="{80FBF7EE-403A-B050-8F9B-A95303ACDA01}"/>
          </ac:spMkLst>
        </pc:spChg>
        <pc:spChg chg="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33" creationId="{B60642F3-CF23-096D-0517-25E207360C9B}"/>
          </ac:spMkLst>
        </pc:spChg>
        <pc:spChg chg="add mod">
          <ac:chgData name="Matias Vázquez Piñón" userId="2f86a967-3c9c-4a39-b538-7e6c0574d83d" providerId="ADAL" clId="{6594851D-CEE0-4A2C-876F-BED761A92EC3}" dt="2022-08-23T10:40:13.485" v="2607"/>
          <ac:spMkLst>
            <pc:docMk/>
            <pc:sldMk cId="3451113877" sldId="296"/>
            <ac:spMk id="34" creationId="{BAEC474E-ADBA-F582-3F66-9DEF53389C66}"/>
          </ac:spMkLst>
        </pc:spChg>
        <pc:grpChg chg="add mod">
          <ac:chgData name="Matias Vázquez Piñón" userId="2f86a967-3c9c-4a39-b538-7e6c0574d83d" providerId="ADAL" clId="{6594851D-CEE0-4A2C-876F-BED761A92EC3}" dt="2022-08-23T10:40:13.485" v="2607"/>
          <ac:grpSpMkLst>
            <pc:docMk/>
            <pc:sldMk cId="3451113877" sldId="296"/>
            <ac:grpSpMk id="28" creationId="{861D5FB5-ABFB-6455-BE36-112EDF190FC5}"/>
          </ac:grpSpMkLst>
        </pc:grpChg>
        <pc:grpChg chg="add mod">
          <ac:chgData name="Matias Vázquez Piñón" userId="2f86a967-3c9c-4a39-b538-7e6c0574d83d" providerId="ADAL" clId="{6594851D-CEE0-4A2C-876F-BED761A92EC3}" dt="2022-08-23T10:40:13.485" v="2607"/>
          <ac:grpSpMkLst>
            <pc:docMk/>
            <pc:sldMk cId="3451113877" sldId="296"/>
            <ac:grpSpMk id="31" creationId="{829E8DFF-03D3-8671-5F53-284A396258F3}"/>
          </ac:grpSpMkLst>
        </pc:grpChg>
        <pc:picChg chg="add del mod modCrop">
          <ac:chgData name="Matias Vázquez Piñón" userId="2f86a967-3c9c-4a39-b538-7e6c0574d83d" providerId="ADAL" clId="{6594851D-CEE0-4A2C-876F-BED761A92EC3}" dt="2022-08-23T10:39:20.349" v="2597" actId="21"/>
          <ac:picMkLst>
            <pc:docMk/>
            <pc:sldMk cId="3451113877" sldId="296"/>
            <ac:picMk id="8" creationId="{229D5896-F944-ED28-2576-F028BDCA7F8A}"/>
          </ac:picMkLst>
        </pc:picChg>
        <pc:picChg chg="add del mod">
          <ac:chgData name="Matias Vázquez Piñón" userId="2f86a967-3c9c-4a39-b538-7e6c0574d83d" providerId="ADAL" clId="{6594851D-CEE0-4A2C-876F-BED761A92EC3}" dt="2022-08-23T10:39:43.630" v="2602" actId="478"/>
          <ac:picMkLst>
            <pc:docMk/>
            <pc:sldMk cId="3451113877" sldId="296"/>
            <ac:picMk id="20" creationId="{08666527-E772-38C0-9D09-520F5AE4ECA8}"/>
          </ac:picMkLst>
        </pc:picChg>
        <pc:picChg chg="add del mod">
          <ac:chgData name="Matias Vázquez Piñón" userId="2f86a967-3c9c-4a39-b538-7e6c0574d83d" providerId="ADAL" clId="{6594851D-CEE0-4A2C-876F-BED761A92EC3}" dt="2022-08-23T10:39:45.483" v="2604"/>
          <ac:picMkLst>
            <pc:docMk/>
            <pc:sldMk cId="3451113877" sldId="296"/>
            <ac:picMk id="22" creationId="{D1D3B936-8059-6070-8865-DA2009E87E91}"/>
          </ac:picMkLst>
        </pc:picChg>
        <pc:picChg chg="add del mod">
          <ac:chgData name="Matias Vázquez Piñón" userId="2f86a967-3c9c-4a39-b538-7e6c0574d83d" providerId="ADAL" clId="{6594851D-CEE0-4A2C-876F-BED761A92EC3}" dt="2022-08-23T10:40:12.796" v="2606" actId="478"/>
          <ac:picMkLst>
            <pc:docMk/>
            <pc:sldMk cId="3451113877" sldId="296"/>
            <ac:picMk id="25" creationId="{A080F4CE-BABF-6608-D204-45D7B85F66CA}"/>
          </ac:picMkLst>
        </pc:picChg>
        <pc:picChg chg="add mod">
          <ac:chgData name="Matias Vázquez Piñón" userId="2f86a967-3c9c-4a39-b538-7e6c0574d83d" providerId="ADAL" clId="{6594851D-CEE0-4A2C-876F-BED761A92EC3}" dt="2022-08-23T10:40:13.485" v="2607"/>
          <ac:picMkLst>
            <pc:docMk/>
            <pc:sldMk cId="3451113877" sldId="296"/>
            <ac:picMk id="27" creationId="{DB966A21-301A-F029-868C-DD75802CFF4E}"/>
          </ac:picMkLst>
        </pc:picChg>
        <pc:inkChg chg="add del">
          <ac:chgData name="Matias Vázquez Piñón" userId="2f86a967-3c9c-4a39-b538-7e6c0574d83d" providerId="ADAL" clId="{6594851D-CEE0-4A2C-876F-BED761A92EC3}" dt="2022-08-23T08:29:52.847" v="2579" actId="9405"/>
          <ac:inkMkLst>
            <pc:docMk/>
            <pc:sldMk cId="3451113877" sldId="296"/>
            <ac:inkMk id="9" creationId="{AA9F0C54-AF31-5FB0-4850-50C83316619E}"/>
          </ac:inkMkLst>
        </pc:inkChg>
        <pc:inkChg chg="add del">
          <ac:chgData name="Matias Vázquez Piñón" userId="2f86a967-3c9c-4a39-b538-7e6c0574d83d" providerId="ADAL" clId="{6594851D-CEE0-4A2C-876F-BED761A92EC3}" dt="2022-08-23T08:29:52.269" v="2578" actId="9405"/>
          <ac:inkMkLst>
            <pc:docMk/>
            <pc:sldMk cId="3451113877" sldId="296"/>
            <ac:inkMk id="10" creationId="{335D1F6B-784C-FC88-3866-AE548E31F9F1}"/>
          </ac:inkMkLst>
        </pc:inkChg>
        <pc:inkChg chg="add del">
          <ac:chgData name="Matias Vázquez Piñón" userId="2f86a967-3c9c-4a39-b538-7e6c0574d83d" providerId="ADAL" clId="{6594851D-CEE0-4A2C-876F-BED761A92EC3}" dt="2022-08-23T10:39:03.389" v="2591" actId="9405"/>
          <ac:inkMkLst>
            <pc:docMk/>
            <pc:sldMk cId="3451113877" sldId="296"/>
            <ac:inkMk id="11" creationId="{43D8C65F-B327-B7F7-18A2-872D7E33EE95}"/>
          </ac:inkMkLst>
        </pc:inkChg>
        <pc:inkChg chg="add del">
          <ac:chgData name="Matias Vázquez Piñón" userId="2f86a967-3c9c-4a39-b538-7e6c0574d83d" providerId="ADAL" clId="{6594851D-CEE0-4A2C-876F-BED761A92EC3}" dt="2022-08-23T10:39:01.347" v="2590" actId="9405"/>
          <ac:inkMkLst>
            <pc:docMk/>
            <pc:sldMk cId="3451113877" sldId="296"/>
            <ac:inkMk id="12" creationId="{82B4EFBF-8C5C-15C6-DB36-C22B47C19CFA}"/>
          </ac:inkMkLst>
        </pc:inkChg>
        <pc:inkChg chg="add del">
          <ac:chgData name="Matias Vázquez Piñón" userId="2f86a967-3c9c-4a39-b538-7e6c0574d83d" providerId="ADAL" clId="{6594851D-CEE0-4A2C-876F-BED761A92EC3}" dt="2022-08-23T10:39:00.033" v="2589" actId="9405"/>
          <ac:inkMkLst>
            <pc:docMk/>
            <pc:sldMk cId="3451113877" sldId="296"/>
            <ac:inkMk id="13" creationId="{5610918B-B261-0A20-C2DB-8952268DD5E2}"/>
          </ac:inkMkLst>
        </pc:inkChg>
        <pc:inkChg chg="add del">
          <ac:chgData name="Matias Vázquez Piñón" userId="2f86a967-3c9c-4a39-b538-7e6c0574d83d" providerId="ADAL" clId="{6594851D-CEE0-4A2C-876F-BED761A92EC3}" dt="2022-08-23T10:38:58.283" v="2588" actId="9405"/>
          <ac:inkMkLst>
            <pc:docMk/>
            <pc:sldMk cId="3451113877" sldId="296"/>
            <ac:inkMk id="14" creationId="{CD6B650D-79AA-CC89-53B7-5796244AAAF9}"/>
          </ac:inkMkLst>
        </pc:inkChg>
        <pc:inkChg chg="add del">
          <ac:chgData name="Matias Vázquez Piñón" userId="2f86a967-3c9c-4a39-b538-7e6c0574d83d" providerId="ADAL" clId="{6594851D-CEE0-4A2C-876F-BED761A92EC3}" dt="2022-08-23T10:38:56.626" v="2587" actId="9405"/>
          <ac:inkMkLst>
            <pc:docMk/>
            <pc:sldMk cId="3451113877" sldId="296"/>
            <ac:inkMk id="15" creationId="{8498FED9-933D-81F7-64D1-8DC90B6FEB79}"/>
          </ac:inkMkLst>
        </pc:inkChg>
        <pc:inkChg chg="add del">
          <ac:chgData name="Matias Vázquez Piñón" userId="2f86a967-3c9c-4a39-b538-7e6c0574d83d" providerId="ADAL" clId="{6594851D-CEE0-4A2C-876F-BED761A92EC3}" dt="2022-08-23T10:38:55.128" v="2586" actId="9405"/>
          <ac:inkMkLst>
            <pc:docMk/>
            <pc:sldMk cId="3451113877" sldId="296"/>
            <ac:inkMk id="16" creationId="{F91CCD61-58E8-2EB5-77E0-173222E429E0}"/>
          </ac:inkMkLst>
        </pc:inkChg>
      </pc:sldChg>
      <pc:sldChg chg="modSp add mod">
        <pc:chgData name="Matias Vázquez Piñón" userId="2f86a967-3c9c-4a39-b538-7e6c0574d83d" providerId="ADAL" clId="{6594851D-CEE0-4A2C-876F-BED761A92EC3}" dt="2022-08-23T11:12:56.596" v="3091" actId="27636"/>
        <pc:sldMkLst>
          <pc:docMk/>
          <pc:sldMk cId="2684454245" sldId="297"/>
        </pc:sldMkLst>
        <pc:spChg chg="mod">
          <ac:chgData name="Matias Vázquez Piñón" userId="2f86a967-3c9c-4a39-b538-7e6c0574d83d" providerId="ADAL" clId="{6594851D-CEE0-4A2C-876F-BED761A92EC3}" dt="2022-08-23T11:12:56.596" v="3091" actId="27636"/>
          <ac:spMkLst>
            <pc:docMk/>
            <pc:sldMk cId="2684454245" sldId="297"/>
            <ac:spMk id="7" creationId="{22E25C78-7D4D-A985-DD37-65537444D6F1}"/>
          </ac:spMkLst>
        </pc:spChg>
      </pc:sldChg>
      <pc:sldChg chg="addSp delSp modSp add mod ord">
        <pc:chgData name="Matias Vázquez Piñón" userId="2f86a967-3c9c-4a39-b538-7e6c0574d83d" providerId="ADAL" clId="{6594851D-CEE0-4A2C-876F-BED761A92EC3}" dt="2022-08-23T11:28:30.481" v="3316" actId="1076"/>
        <pc:sldMkLst>
          <pc:docMk/>
          <pc:sldMk cId="1509932029" sldId="298"/>
        </pc:sldMkLst>
        <pc:spChg chg="mod">
          <ac:chgData name="Matias Vázquez Piñón" userId="2f86a967-3c9c-4a39-b538-7e6c0574d83d" providerId="ADAL" clId="{6594851D-CEE0-4A2C-876F-BED761A92EC3}" dt="2022-08-23T11:16:08.954" v="3208" actId="20577"/>
          <ac:spMkLst>
            <pc:docMk/>
            <pc:sldMk cId="1509932029" sldId="298"/>
            <ac:spMk id="2" creationId="{AB517934-053F-FF86-552E-F307D2D9DA4B}"/>
          </ac:spMkLst>
        </pc:spChg>
        <pc:spChg chg="add mod">
          <ac:chgData name="Matias Vázquez Piñón" userId="2f86a967-3c9c-4a39-b538-7e6c0574d83d" providerId="ADAL" clId="{6594851D-CEE0-4A2C-876F-BED761A92EC3}" dt="2022-08-23T11:28:30.481" v="3316" actId="1076"/>
          <ac:spMkLst>
            <pc:docMk/>
            <pc:sldMk cId="1509932029" sldId="298"/>
            <ac:spMk id="4" creationId="{5E976D3D-84C2-A052-441A-7AA8EEA16F93}"/>
          </ac:spMkLst>
        </pc:spChg>
        <pc:spChg chg="mod">
          <ac:chgData name="Matias Vázquez Piñón" userId="2f86a967-3c9c-4a39-b538-7e6c0574d83d" providerId="ADAL" clId="{6594851D-CEE0-4A2C-876F-BED761A92EC3}" dt="2022-08-23T11:19:33.050" v="3241" actId="6549"/>
          <ac:spMkLst>
            <pc:docMk/>
            <pc:sldMk cId="1509932029" sldId="298"/>
            <ac:spMk id="6" creationId="{A2A309B0-A3E7-707D-2E82-3AC7B3C91B3A}"/>
          </ac:spMkLst>
        </pc:spChg>
        <pc:picChg chg="del">
          <ac:chgData name="Matias Vázquez Piñón" userId="2f86a967-3c9c-4a39-b538-7e6c0574d83d" providerId="ADAL" clId="{6594851D-CEE0-4A2C-876F-BED761A92EC3}" dt="2022-08-23T11:18:51.853" v="3229" actId="478"/>
          <ac:picMkLst>
            <pc:docMk/>
            <pc:sldMk cId="1509932029" sldId="298"/>
            <ac:picMk id="7" creationId="{1AC9C3A6-69CC-E4E1-1252-A22F3B2C6BD0}"/>
          </ac:picMkLst>
        </pc:picChg>
      </pc:sldChg>
      <pc:sldChg chg="addSp delSp modSp new mod modClrScheme chgLayout">
        <pc:chgData name="Matias Vázquez Piñón" userId="2f86a967-3c9c-4a39-b538-7e6c0574d83d" providerId="ADAL" clId="{6594851D-CEE0-4A2C-876F-BED761A92EC3}" dt="2022-08-23T14:33:30.972" v="4092" actId="700"/>
        <pc:sldMkLst>
          <pc:docMk/>
          <pc:sldMk cId="2756905196" sldId="299"/>
        </pc:sldMkLst>
        <pc:spChg chg="mod ord">
          <ac:chgData name="Matias Vázquez Piñón" userId="2f86a967-3c9c-4a39-b538-7e6c0574d83d" providerId="ADAL" clId="{6594851D-CEE0-4A2C-876F-BED761A92EC3}" dt="2022-08-23T14:33:30.972" v="4092" actId="700"/>
          <ac:spMkLst>
            <pc:docMk/>
            <pc:sldMk cId="2756905196" sldId="299"/>
            <ac:spMk id="2" creationId="{91B6A529-D782-58F2-7F2C-72CE504C540A}"/>
          </ac:spMkLst>
        </pc:spChg>
        <pc:spChg chg="mod ord">
          <ac:chgData name="Matias Vázquez Piñón" userId="2f86a967-3c9c-4a39-b538-7e6c0574d83d" providerId="ADAL" clId="{6594851D-CEE0-4A2C-876F-BED761A92EC3}" dt="2022-08-23T14:33:30.972" v="4092" actId="700"/>
          <ac:spMkLst>
            <pc:docMk/>
            <pc:sldMk cId="2756905196" sldId="299"/>
            <ac:spMk id="3" creationId="{1E925318-DB10-559E-E874-F50EAAE8AB6A}"/>
          </ac:spMkLst>
        </pc:spChg>
        <pc:spChg chg="del">
          <ac:chgData name="Matias Vázquez Piñón" userId="2f86a967-3c9c-4a39-b538-7e6c0574d83d" providerId="ADAL" clId="{6594851D-CEE0-4A2C-876F-BED761A92EC3}" dt="2022-08-23T14:07:49.195" v="3568" actId="1032"/>
          <ac:spMkLst>
            <pc:docMk/>
            <pc:sldMk cId="2756905196" sldId="299"/>
            <ac:spMk id="4" creationId="{E810789B-875B-D7B4-9C3C-3D886793E7DB}"/>
          </ac:spMkLst>
        </pc:spChg>
        <pc:spChg chg="mod ord">
          <ac:chgData name="Matias Vázquez Piñón" userId="2f86a967-3c9c-4a39-b538-7e6c0574d83d" providerId="ADAL" clId="{6594851D-CEE0-4A2C-876F-BED761A92EC3}" dt="2022-08-23T14:33:30.972" v="4092" actId="700"/>
          <ac:spMkLst>
            <pc:docMk/>
            <pc:sldMk cId="2756905196" sldId="299"/>
            <ac:spMk id="5" creationId="{0C94D3B0-9549-9297-0CE7-A8ED88D243CE}"/>
          </ac:spMkLst>
        </pc:spChg>
        <pc:spChg chg="add del mod ord">
          <ac:chgData name="Matias Vázquez Piñón" userId="2f86a967-3c9c-4a39-b538-7e6c0574d83d" providerId="ADAL" clId="{6594851D-CEE0-4A2C-876F-BED761A92EC3}" dt="2022-08-23T14:18:15.977" v="3658" actId="700"/>
          <ac:spMkLst>
            <pc:docMk/>
            <pc:sldMk cId="2756905196" sldId="299"/>
            <ac:spMk id="8" creationId="{B36C9927-1F78-9350-09D7-4AF8DCF03C27}"/>
          </ac:spMkLst>
        </pc:spChg>
        <pc:spChg chg="add del mod ord">
          <ac:chgData name="Matias Vázquez Piñón" userId="2f86a967-3c9c-4a39-b538-7e6c0574d83d" providerId="ADAL" clId="{6594851D-CEE0-4A2C-876F-BED761A92EC3}" dt="2022-08-23T14:18:18.126" v="3659"/>
          <ac:spMkLst>
            <pc:docMk/>
            <pc:sldMk cId="2756905196" sldId="299"/>
            <ac:spMk id="9" creationId="{ADDE5679-AC61-DB64-C4BA-A1515853A414}"/>
          </ac:spMkLst>
        </pc:spChg>
        <pc:spChg chg="add del mod ord">
          <ac:chgData name="Matias Vázquez Piñón" userId="2f86a967-3c9c-4a39-b538-7e6c0574d83d" providerId="ADAL" clId="{6594851D-CEE0-4A2C-876F-BED761A92EC3}" dt="2022-08-23T14:18:23.248" v="3660"/>
          <ac:spMkLst>
            <pc:docMk/>
            <pc:sldMk cId="2756905196" sldId="299"/>
            <ac:spMk id="10" creationId="{CDC94609-712A-DB48-18D6-6205E5AA8B6E}"/>
          </ac:spMkLst>
        </pc:spChg>
        <pc:graphicFrameChg chg="add del mod modGraphic">
          <ac:chgData name="Matias Vázquez Piñón" userId="2f86a967-3c9c-4a39-b538-7e6c0574d83d" providerId="ADAL" clId="{6594851D-CEE0-4A2C-876F-BED761A92EC3}" dt="2022-08-23T14:18:13.173" v="3657" actId="21"/>
          <ac:graphicFrameMkLst>
            <pc:docMk/>
            <pc:sldMk cId="2756905196" sldId="299"/>
            <ac:graphicFrameMk id="6" creationId="{5840442B-F73B-CF1C-A974-B1A9741435D1}"/>
          </ac:graphicFrameMkLst>
        </pc:graphicFrameChg>
        <pc:graphicFrameChg chg="add mod ord">
          <ac:chgData name="Matias Vázquez Piñón" userId="2f86a967-3c9c-4a39-b538-7e6c0574d83d" providerId="ADAL" clId="{6594851D-CEE0-4A2C-876F-BED761A92EC3}" dt="2022-08-23T14:33:30.972" v="4092" actId="700"/>
          <ac:graphicFrameMkLst>
            <pc:docMk/>
            <pc:sldMk cId="2756905196" sldId="299"/>
            <ac:graphicFrameMk id="11" creationId="{8FEFF800-6F9A-0555-AA31-B91718800635}"/>
          </ac:graphicFrameMkLst>
        </pc:graphicFrameChg>
        <pc:graphicFrameChg chg="add mod ord">
          <ac:chgData name="Matias Vázquez Piñón" userId="2f86a967-3c9c-4a39-b538-7e6c0574d83d" providerId="ADAL" clId="{6594851D-CEE0-4A2C-876F-BED761A92EC3}" dt="2022-08-23T14:33:30.972" v="4092" actId="700"/>
          <ac:graphicFrameMkLst>
            <pc:docMk/>
            <pc:sldMk cId="2756905196" sldId="299"/>
            <ac:graphicFrameMk id="12" creationId="{096B2C6C-19A7-A943-7B5B-57C0D7C288BE}"/>
          </ac:graphicFrameMkLst>
        </pc:graphicFrameChg>
      </pc:sldChg>
      <pc:sldChg chg="addSp delSp modSp new mod">
        <pc:chgData name="Matias Vázquez Piñón" userId="2f86a967-3c9c-4a39-b538-7e6c0574d83d" providerId="ADAL" clId="{6594851D-CEE0-4A2C-876F-BED761A92EC3}" dt="2022-08-23T14:52:07.041" v="4465" actId="20577"/>
        <pc:sldMkLst>
          <pc:docMk/>
          <pc:sldMk cId="1883341490" sldId="300"/>
        </pc:sldMkLst>
        <pc:spChg chg="mod">
          <ac:chgData name="Matias Vázquez Piñón" userId="2f86a967-3c9c-4a39-b538-7e6c0574d83d" providerId="ADAL" clId="{6594851D-CEE0-4A2C-876F-BED761A92EC3}" dt="2022-08-23T14:33:38.352" v="4107" actId="20577"/>
          <ac:spMkLst>
            <pc:docMk/>
            <pc:sldMk cId="1883341490" sldId="300"/>
            <ac:spMk id="2" creationId="{0E30A4F2-8416-2E36-BB7A-5177088E1586}"/>
          </ac:spMkLst>
        </pc:spChg>
        <pc:spChg chg="del mod">
          <ac:chgData name="Matias Vázquez Piñón" userId="2f86a967-3c9c-4a39-b538-7e6c0574d83d" providerId="ADAL" clId="{6594851D-CEE0-4A2C-876F-BED761A92EC3}" dt="2022-08-23T14:36:18.563" v="4110" actId="3680"/>
          <ac:spMkLst>
            <pc:docMk/>
            <pc:sldMk cId="1883341490" sldId="300"/>
            <ac:spMk id="3" creationId="{F881183E-116F-086A-BFC1-6ABC1968D870}"/>
          </ac:spMkLst>
        </pc:spChg>
        <pc:spChg chg="del">
          <ac:chgData name="Matias Vázquez Piñón" userId="2f86a967-3c9c-4a39-b538-7e6c0574d83d" providerId="ADAL" clId="{6594851D-CEE0-4A2C-876F-BED761A92EC3}" dt="2022-08-23T14:42:05.416" v="4349" actId="3680"/>
          <ac:spMkLst>
            <pc:docMk/>
            <pc:sldMk cId="1883341490" sldId="300"/>
            <ac:spMk id="4" creationId="{65122584-93EB-CB41-05CA-60FF72EBE8B1}"/>
          </ac:spMkLst>
        </pc:spChg>
        <pc:spChg chg="add del mod">
          <ac:chgData name="Matias Vázquez Piñón" userId="2f86a967-3c9c-4a39-b538-7e6c0574d83d" providerId="ADAL" clId="{6594851D-CEE0-4A2C-876F-BED761A92EC3}" dt="2022-08-23T14:38:08.867" v="4179"/>
          <ac:spMkLst>
            <pc:docMk/>
            <pc:sldMk cId="1883341490" sldId="300"/>
            <ac:spMk id="8" creationId="{C236EF59-9A0B-1D49-8DA2-0764081502D1}"/>
          </ac:spMkLst>
        </pc:spChg>
        <pc:spChg chg="add del mod">
          <ac:chgData name="Matias Vázquez Piñón" userId="2f86a967-3c9c-4a39-b538-7e6c0574d83d" providerId="ADAL" clId="{6594851D-CEE0-4A2C-876F-BED761A92EC3}" dt="2022-08-23T14:40:54.902" v="4341"/>
          <ac:spMkLst>
            <pc:docMk/>
            <pc:sldMk cId="1883341490" sldId="300"/>
            <ac:spMk id="11" creationId="{EE7F525B-39FC-A757-7E21-17872886F68E}"/>
          </ac:spMkLst>
        </pc:spChg>
        <pc:spChg chg="add mod">
          <ac:chgData name="Matias Vázquez Piñón" userId="2f86a967-3c9c-4a39-b538-7e6c0574d83d" providerId="ADAL" clId="{6594851D-CEE0-4A2C-876F-BED761A92EC3}" dt="2022-08-23T14:51:35.002" v="4457" actId="13822"/>
          <ac:spMkLst>
            <pc:docMk/>
            <pc:sldMk cId="1883341490" sldId="300"/>
            <ac:spMk id="14" creationId="{72ADE4D3-2313-C59C-BC50-BC5471C55E1E}"/>
          </ac:spMkLst>
        </pc:spChg>
        <pc:spChg chg="add del mod">
          <ac:chgData name="Matias Vázquez Piñón" userId="2f86a967-3c9c-4a39-b538-7e6c0574d83d" providerId="ADAL" clId="{6594851D-CEE0-4A2C-876F-BED761A92EC3}" dt="2022-08-23T14:52:04.047" v="4464" actId="478"/>
          <ac:spMkLst>
            <pc:docMk/>
            <pc:sldMk cId="1883341490" sldId="300"/>
            <ac:spMk id="16" creationId="{EC75A3E1-EB71-C3E7-840B-0DEFFA88681E}"/>
          </ac:spMkLst>
        </pc:spChg>
        <pc:graphicFrameChg chg="add del mod ord modGraphic">
          <ac:chgData name="Matias Vázquez Piñón" userId="2f86a967-3c9c-4a39-b538-7e6c0574d83d" providerId="ADAL" clId="{6594851D-CEE0-4A2C-876F-BED761A92EC3}" dt="2022-08-23T14:38:07.129" v="4178" actId="21"/>
          <ac:graphicFrameMkLst>
            <pc:docMk/>
            <pc:sldMk cId="1883341490" sldId="300"/>
            <ac:graphicFrameMk id="6" creationId="{DC35752A-685F-FD89-9AE8-E9C822797591}"/>
          </ac:graphicFrameMkLst>
        </pc:graphicFrameChg>
        <pc:graphicFrameChg chg="add del mod modGraphic">
          <ac:chgData name="Matias Vázquez Piñón" userId="2f86a967-3c9c-4a39-b538-7e6c0574d83d" providerId="ADAL" clId="{6594851D-CEE0-4A2C-876F-BED761A92EC3}" dt="2022-08-23T14:40:53.540" v="4340" actId="21"/>
          <ac:graphicFrameMkLst>
            <pc:docMk/>
            <pc:sldMk cId="1883341490" sldId="300"/>
            <ac:graphicFrameMk id="9" creationId="{9A58FEF4-1841-06BE-AD65-E22146A69B45}"/>
          </ac:graphicFrameMkLst>
        </pc:graphicFrameChg>
        <pc:graphicFrameChg chg="add mod modGraphic">
          <ac:chgData name="Matias Vázquez Piñón" userId="2f86a967-3c9c-4a39-b538-7e6c0574d83d" providerId="ADAL" clId="{6594851D-CEE0-4A2C-876F-BED761A92EC3}" dt="2022-08-23T14:51:13.355" v="4455" actId="6549"/>
          <ac:graphicFrameMkLst>
            <pc:docMk/>
            <pc:sldMk cId="1883341490" sldId="300"/>
            <ac:graphicFrameMk id="12" creationId="{FF392F1F-AA00-2474-B4A3-E7EC8C4A4A4C}"/>
          </ac:graphicFrameMkLst>
        </pc:graphicFrameChg>
        <pc:graphicFrameChg chg="add del mod ord modGraphic">
          <ac:chgData name="Matias Vázquez Piñón" userId="2f86a967-3c9c-4a39-b538-7e6c0574d83d" providerId="ADAL" clId="{6594851D-CEE0-4A2C-876F-BED761A92EC3}" dt="2022-08-23T14:51:51.710" v="4460" actId="478"/>
          <ac:graphicFrameMkLst>
            <pc:docMk/>
            <pc:sldMk cId="1883341490" sldId="300"/>
            <ac:graphicFrameMk id="13" creationId="{2E7B9D2E-3505-0FE3-D7D0-38EB943D3D6E}"/>
          </ac:graphicFrameMkLst>
        </pc:graphicFrameChg>
        <pc:graphicFrameChg chg="add mod modGraphic">
          <ac:chgData name="Matias Vázquez Piñón" userId="2f86a967-3c9c-4a39-b538-7e6c0574d83d" providerId="ADAL" clId="{6594851D-CEE0-4A2C-876F-BED761A92EC3}" dt="2022-08-23T14:52:07.041" v="4465" actId="20577"/>
          <ac:graphicFrameMkLst>
            <pc:docMk/>
            <pc:sldMk cId="1883341490" sldId="300"/>
            <ac:graphicFrameMk id="17" creationId="{699780A3-DB70-7C88-A025-80C08D89D093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1:41.513" v="4459" actId="1076"/>
        <pc:sldMkLst>
          <pc:docMk/>
          <pc:sldMk cId="2968579628" sldId="301"/>
        </pc:sldMkLst>
        <pc:spChg chg="mod">
          <ac:chgData name="Matias Vázquez Piñón" userId="2f86a967-3c9c-4a39-b538-7e6c0574d83d" providerId="ADAL" clId="{6594851D-CEE0-4A2C-876F-BED761A92EC3}" dt="2022-08-23T14:51:41.513" v="4459" actId="1076"/>
          <ac:spMkLst>
            <pc:docMk/>
            <pc:sldMk cId="2968579628" sldId="301"/>
            <ac:spMk id="14" creationId="{72ADE4D3-2313-C59C-BC50-BC5471C55E1E}"/>
          </ac:spMkLst>
        </pc:spChg>
        <pc:graphicFrameChg chg="mod modGraphic">
          <ac:chgData name="Matias Vázquez Piñón" userId="2f86a967-3c9c-4a39-b538-7e6c0574d83d" providerId="ADAL" clId="{6594851D-CEE0-4A2C-876F-BED761A92EC3}" dt="2022-08-23T14:48:30.633" v="4427" actId="6549"/>
          <ac:graphicFrameMkLst>
            <pc:docMk/>
            <pc:sldMk cId="2968579628" sldId="301"/>
            <ac:graphicFrameMk id="12" creationId="{FF392F1F-AA00-2474-B4A3-E7EC8C4A4A4C}"/>
          </ac:graphicFrameMkLst>
        </pc:graphicFrameChg>
        <pc:graphicFrameChg chg="mod modGraphic">
          <ac:chgData name="Matias Vázquez Piñón" userId="2f86a967-3c9c-4a39-b538-7e6c0574d83d" providerId="ADAL" clId="{6594851D-CEE0-4A2C-876F-BED761A92EC3}" dt="2022-08-23T14:49:05.459" v="4430" actId="1076"/>
          <ac:graphicFrameMkLst>
            <pc:docMk/>
            <pc:sldMk cId="2968579628" sldId="301"/>
            <ac:graphicFrameMk id="13" creationId="{2E7B9D2E-3505-0FE3-D7D0-38EB943D3D6E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49:52.310" v="4432" actId="1076"/>
        <pc:sldMkLst>
          <pc:docMk/>
          <pc:sldMk cId="347237951" sldId="302"/>
        </pc:sldMkLst>
        <pc:spChg chg="mod">
          <ac:chgData name="Matias Vázquez Piñón" userId="2f86a967-3c9c-4a39-b538-7e6c0574d83d" providerId="ADAL" clId="{6594851D-CEE0-4A2C-876F-BED761A92EC3}" dt="2022-08-23T14:49:52.310" v="4432" actId="1076"/>
          <ac:spMkLst>
            <pc:docMk/>
            <pc:sldMk cId="347237951" sldId="302"/>
            <ac:spMk id="14" creationId="{72ADE4D3-2313-C59C-BC50-BC5471C55E1E}"/>
          </ac:spMkLst>
        </pc:spChg>
      </pc:sldChg>
      <pc:sldChg chg="modSp add mod">
        <pc:chgData name="Matias Vázquez Piñón" userId="2f86a967-3c9c-4a39-b538-7e6c0574d83d" providerId="ADAL" clId="{6594851D-CEE0-4A2C-876F-BED761A92EC3}" dt="2022-08-23T14:50:41.169" v="4436" actId="207"/>
        <pc:sldMkLst>
          <pc:docMk/>
          <pc:sldMk cId="2762977252" sldId="303"/>
        </pc:sldMkLst>
        <pc:spChg chg="mod">
          <ac:chgData name="Matias Vázquez Piñón" userId="2f86a967-3c9c-4a39-b538-7e6c0574d83d" providerId="ADAL" clId="{6594851D-CEE0-4A2C-876F-BED761A92EC3}" dt="2022-08-23T14:50:31.921" v="4434" actId="1076"/>
          <ac:spMkLst>
            <pc:docMk/>
            <pc:sldMk cId="2762977252" sldId="303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0:41.169" v="4436" actId="207"/>
          <ac:graphicFrameMkLst>
            <pc:docMk/>
            <pc:sldMk cId="2762977252" sldId="303"/>
            <ac:graphicFrameMk id="12" creationId="{FF392F1F-AA00-2474-B4A3-E7EC8C4A4A4C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3:21.481" v="4471" actId="1035"/>
        <pc:sldMkLst>
          <pc:docMk/>
          <pc:sldMk cId="2583010504" sldId="304"/>
        </pc:sldMkLst>
        <pc:spChg chg="mod">
          <ac:chgData name="Matias Vázquez Piñón" userId="2f86a967-3c9c-4a39-b538-7e6c0574d83d" providerId="ADAL" clId="{6594851D-CEE0-4A2C-876F-BED761A92EC3}" dt="2022-08-23T14:53:21.481" v="4471" actId="1035"/>
          <ac:spMkLst>
            <pc:docMk/>
            <pc:sldMk cId="2583010504" sldId="304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3:05.626" v="4469" actId="2084"/>
          <ac:graphicFrameMkLst>
            <pc:docMk/>
            <pc:sldMk cId="2583010504" sldId="304"/>
            <ac:graphicFrameMk id="12" creationId="{FF392F1F-AA00-2474-B4A3-E7EC8C4A4A4C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3:40.850" v="4475" actId="2084"/>
        <pc:sldMkLst>
          <pc:docMk/>
          <pc:sldMk cId="2738140422" sldId="305"/>
        </pc:sldMkLst>
        <pc:spChg chg="mod">
          <ac:chgData name="Matias Vázquez Piñón" userId="2f86a967-3c9c-4a39-b538-7e6c0574d83d" providerId="ADAL" clId="{6594851D-CEE0-4A2C-876F-BED761A92EC3}" dt="2022-08-23T14:53:30.683" v="4473" actId="1035"/>
          <ac:spMkLst>
            <pc:docMk/>
            <pc:sldMk cId="2738140422" sldId="305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3:40.850" v="4475" actId="2084"/>
          <ac:graphicFrameMkLst>
            <pc:docMk/>
            <pc:sldMk cId="2738140422" sldId="305"/>
            <ac:graphicFrameMk id="12" creationId="{FF392F1F-AA00-2474-B4A3-E7EC8C4A4A4C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4:40.308" v="4479" actId="1076"/>
        <pc:sldMkLst>
          <pc:docMk/>
          <pc:sldMk cId="4026152409" sldId="306"/>
        </pc:sldMkLst>
        <pc:spChg chg="mod">
          <ac:chgData name="Matias Vázquez Piñón" userId="2f86a967-3c9c-4a39-b538-7e6c0574d83d" providerId="ADAL" clId="{6594851D-CEE0-4A2C-876F-BED761A92EC3}" dt="2022-08-23T14:54:40.308" v="4479" actId="1076"/>
          <ac:spMkLst>
            <pc:docMk/>
            <pc:sldMk cId="4026152409" sldId="306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4:15.242" v="4478" actId="2084"/>
          <ac:graphicFrameMkLst>
            <pc:docMk/>
            <pc:sldMk cId="4026152409" sldId="306"/>
            <ac:graphicFrameMk id="12" creationId="{FF392F1F-AA00-2474-B4A3-E7EC8C4A4A4C}"/>
          </ac:graphicFrameMkLst>
        </pc:graphicFrameChg>
      </pc:sldChg>
      <pc:sldChg chg="addSp delSp modSp add mod">
        <pc:chgData name="Matias Vázquez Piñón" userId="2f86a967-3c9c-4a39-b538-7e6c0574d83d" providerId="ADAL" clId="{6594851D-CEE0-4A2C-876F-BED761A92EC3}" dt="2022-08-23T14:56:42.130" v="4488" actId="207"/>
        <pc:sldMkLst>
          <pc:docMk/>
          <pc:sldMk cId="125475162" sldId="307"/>
        </pc:sldMkLst>
        <pc:spChg chg="add mod">
          <ac:chgData name="Matias Vázquez Piñón" userId="2f86a967-3c9c-4a39-b538-7e6c0574d83d" providerId="ADAL" clId="{6594851D-CEE0-4A2C-876F-BED761A92EC3}" dt="2022-08-23T14:56:21.509" v="4487" actId="1035"/>
          <ac:spMkLst>
            <pc:docMk/>
            <pc:sldMk cId="125475162" sldId="307"/>
            <ac:spMk id="3" creationId="{80F407F5-845D-DA15-10BD-F9A09CE064EA}"/>
          </ac:spMkLst>
        </pc:spChg>
        <pc:spChg chg="del mod">
          <ac:chgData name="Matias Vázquez Piñón" userId="2f86a967-3c9c-4a39-b538-7e6c0574d83d" providerId="ADAL" clId="{6594851D-CEE0-4A2C-876F-BED761A92EC3}" dt="2022-08-23T14:55:35.609" v="4482" actId="478"/>
          <ac:spMkLst>
            <pc:docMk/>
            <pc:sldMk cId="125475162" sldId="307"/>
            <ac:spMk id="14" creationId="{72ADE4D3-2313-C59C-BC50-BC5471C55E1E}"/>
          </ac:spMkLst>
        </pc:spChg>
        <pc:graphicFrameChg chg="modGraphic">
          <ac:chgData name="Matias Vázquez Piñón" userId="2f86a967-3c9c-4a39-b538-7e6c0574d83d" providerId="ADAL" clId="{6594851D-CEE0-4A2C-876F-BED761A92EC3}" dt="2022-08-23T14:56:42.130" v="4488" actId="207"/>
          <ac:graphicFrameMkLst>
            <pc:docMk/>
            <pc:sldMk cId="125475162" sldId="307"/>
            <ac:graphicFrameMk id="12" creationId="{FF392F1F-AA00-2474-B4A3-E7EC8C4A4A4C}"/>
          </ac:graphicFrameMkLst>
        </pc:graphicFrameChg>
      </pc:sldChg>
      <pc:sldChg chg="modSp add mod">
        <pc:chgData name="Matias Vázquez Piñón" userId="2f86a967-3c9c-4a39-b538-7e6c0574d83d" providerId="ADAL" clId="{6594851D-CEE0-4A2C-876F-BED761A92EC3}" dt="2022-08-23T14:57:40.755" v="4496" actId="6549"/>
        <pc:sldMkLst>
          <pc:docMk/>
          <pc:sldMk cId="604320469" sldId="308"/>
        </pc:sldMkLst>
        <pc:spChg chg="mod">
          <ac:chgData name="Matias Vázquez Piñón" userId="2f86a967-3c9c-4a39-b538-7e6c0574d83d" providerId="ADAL" clId="{6594851D-CEE0-4A2C-876F-BED761A92EC3}" dt="2022-08-23T14:57:19.021" v="4495" actId="1036"/>
          <ac:spMkLst>
            <pc:docMk/>
            <pc:sldMk cId="604320469" sldId="308"/>
            <ac:spMk id="3" creationId="{80F407F5-845D-DA15-10BD-F9A09CE064EA}"/>
          </ac:spMkLst>
        </pc:spChg>
        <pc:graphicFrameChg chg="modGraphic">
          <ac:chgData name="Matias Vázquez Piñón" userId="2f86a967-3c9c-4a39-b538-7e6c0574d83d" providerId="ADAL" clId="{6594851D-CEE0-4A2C-876F-BED761A92EC3}" dt="2022-08-23T14:57:03.032" v="4491" actId="207"/>
          <ac:graphicFrameMkLst>
            <pc:docMk/>
            <pc:sldMk cId="604320469" sldId="308"/>
            <ac:graphicFrameMk id="12" creationId="{FF392F1F-AA00-2474-B4A3-E7EC8C4A4A4C}"/>
          </ac:graphicFrameMkLst>
        </pc:graphicFrameChg>
        <pc:graphicFrameChg chg="modGraphic">
          <ac:chgData name="Matias Vázquez Piñón" userId="2f86a967-3c9c-4a39-b538-7e6c0574d83d" providerId="ADAL" clId="{6594851D-CEE0-4A2C-876F-BED761A92EC3}" dt="2022-08-23T14:57:40.755" v="4496" actId="6549"/>
          <ac:graphicFrameMkLst>
            <pc:docMk/>
            <pc:sldMk cId="604320469" sldId="308"/>
            <ac:graphicFrameMk id="13" creationId="{2E7B9D2E-3505-0FE3-D7D0-38EB943D3D6E}"/>
          </ac:graphicFrameMkLst>
        </pc:graphicFrameChg>
      </pc:sldChg>
      <pc:sldMasterChg chg="addSp delSp mod">
        <pc:chgData name="Matias Vázquez Piñón" userId="2f86a967-3c9c-4a39-b538-7e6c0574d83d" providerId="ADAL" clId="{6594851D-CEE0-4A2C-876F-BED761A92EC3}" dt="2022-08-16T14:07:46.245" v="371" actId="478"/>
        <pc:sldMasterMkLst>
          <pc:docMk/>
          <pc:sldMasterMk cId="2454702602" sldId="2147483662"/>
        </pc:sldMasterMkLst>
        <pc:spChg chg="del">
          <ac:chgData name="Matias Vázquez Piñón" userId="2f86a967-3c9c-4a39-b538-7e6c0574d83d" providerId="ADAL" clId="{6594851D-CEE0-4A2C-876F-BED761A92EC3}" dt="2022-08-16T14:07:39.581" v="369" actId="478"/>
          <ac:spMkLst>
            <pc:docMk/>
            <pc:sldMasterMk cId="2454702602" sldId="2147483662"/>
            <ac:spMk id="5" creationId="{792B975C-625D-4095-8E1D-63F20A11B57C}"/>
          </ac:spMkLst>
        </pc:spChg>
        <pc:spChg chg="del">
          <ac:chgData name="Matias Vázquez Piñón" userId="2f86a967-3c9c-4a39-b538-7e6c0574d83d" providerId="ADAL" clId="{6594851D-CEE0-4A2C-876F-BED761A92EC3}" dt="2022-08-16T14:07:46.245" v="371" actId="478"/>
          <ac:spMkLst>
            <pc:docMk/>
            <pc:sldMasterMk cId="2454702602" sldId="2147483662"/>
            <ac:spMk id="7" creationId="{06B09BDB-1C7D-4F8A-8F1B-82D88054A428}"/>
          </ac:spMkLst>
        </pc:spChg>
        <pc:spChg chg="add del">
          <ac:chgData name="Matias Vázquez Piñón" userId="2f86a967-3c9c-4a39-b538-7e6c0574d83d" providerId="ADAL" clId="{6594851D-CEE0-4A2C-876F-BED761A92EC3}" dt="2022-08-16T14:07:36.545" v="368" actId="478"/>
          <ac:spMkLst>
            <pc:docMk/>
            <pc:sldMasterMk cId="2454702602" sldId="2147483662"/>
            <ac:spMk id="11" creationId="{FFFFD011-0D94-46EE-B45C-787FE82C3B5E}"/>
          </ac:spMkLst>
        </pc:spChg>
        <pc:spChg chg="del">
          <ac:chgData name="Matias Vázquez Piñón" userId="2f86a967-3c9c-4a39-b538-7e6c0574d83d" providerId="ADAL" clId="{6594851D-CEE0-4A2C-876F-BED761A92EC3}" dt="2022-08-16T14:07:41.197" v="370" actId="478"/>
          <ac:spMkLst>
            <pc:docMk/>
            <pc:sldMasterMk cId="2454702602" sldId="2147483662"/>
            <ac:spMk id="113676" creationId="{00000000-0000-0000-0000-000000000000}"/>
          </ac:spMkLst>
        </pc:spChg>
      </pc:sldMasterChg>
    </pc:docChg>
  </pc:docChgLst>
  <pc:docChgLst>
    <pc:chgData name="Matias Vázquez Piñón" userId="e82d7a76-e5c2-4749-baff-1bb8c1dfc0d7" providerId="ADAL" clId="{FC50E581-9A3F-A24F-9546-F40EB98BED79}"/>
    <pc:docChg chg="custSel modSld">
      <pc:chgData name="Matias Vázquez Piñón" userId="e82d7a76-e5c2-4749-baff-1bb8c1dfc0d7" providerId="ADAL" clId="{FC50E581-9A3F-A24F-9546-F40EB98BED79}" dt="2022-08-23T18:01:22.980" v="300"/>
      <pc:docMkLst>
        <pc:docMk/>
      </pc:docMkLst>
      <pc:sldChg chg="addSp delSp modSp">
        <pc:chgData name="Matias Vázquez Piñón" userId="e82d7a76-e5c2-4749-baff-1bb8c1dfc0d7" providerId="ADAL" clId="{FC50E581-9A3F-A24F-9546-F40EB98BED79}" dt="2022-08-23T18:01:22.980" v="300"/>
        <pc:sldMkLst>
          <pc:docMk/>
          <pc:sldMk cId="3451113877" sldId="296"/>
        </pc:sldMkLst>
        <pc:spChg chg="add mod">
          <ac:chgData name="Matias Vázquez Piñón" userId="e82d7a76-e5c2-4749-baff-1bb8c1dfc0d7" providerId="ADAL" clId="{FC50E581-9A3F-A24F-9546-F40EB98BED79}" dt="2022-08-23T17:53:57.876" v="12" actId="20577"/>
          <ac:spMkLst>
            <pc:docMk/>
            <pc:sldMk cId="3451113877" sldId="296"/>
            <ac:spMk id="13" creationId="{A058E5B6-3673-9FA4-24CE-46D23A704174}"/>
          </ac:spMkLst>
        </pc:spChg>
        <pc:picChg chg="mod">
          <ac:chgData name="Matias Vázquez Piñón" userId="e82d7a76-e5c2-4749-baff-1bb8c1dfc0d7" providerId="ADAL" clId="{FC50E581-9A3F-A24F-9546-F40EB98BED79}" dt="2022-08-23T17:53:22.515" v="1" actId="1076"/>
          <ac:picMkLst>
            <pc:docMk/>
            <pc:sldMk cId="3451113877" sldId="296"/>
            <ac:picMk id="27" creationId="{DB966A21-301A-F029-868C-DD75802CFF4E}"/>
          </ac:picMkLst>
        </pc:pic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2" creationId="{BFEE4EC3-6BCA-1A48-BA77-A0D596864DED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3" creationId="{DBF758EC-F4CC-F24F-57D0-46DD59903E3B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4" creationId="{7A17E649-0E3F-A371-459C-797B9F370898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8" creationId="{0A238C54-4F29-0747-7D6D-8BEC266CCCE4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9" creationId="{C79AF2ED-54F3-E2FC-F90F-7F187F6A14A4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10" creationId="{AD7FF630-17AC-E7B3-62CA-F2A6EC858036}"/>
          </ac:inkMkLst>
        </pc:inkChg>
        <pc:inkChg chg="add del">
          <ac:chgData name="Matias Vázquez Piñón" userId="e82d7a76-e5c2-4749-baff-1bb8c1dfc0d7" providerId="ADAL" clId="{FC50E581-9A3F-A24F-9546-F40EB98BED79}" dt="2022-08-23T17:53:51.322" v="9"/>
          <ac:inkMkLst>
            <pc:docMk/>
            <pc:sldMk cId="3451113877" sldId="296"/>
            <ac:inkMk id="11" creationId="{79CBF64D-ECCE-AE34-00CF-3268514BFBAA}"/>
          </ac:inkMkLst>
        </pc:inkChg>
        <pc:inkChg chg="add del reco">
          <ac:chgData name="Matias Vázquez Piñón" userId="e82d7a76-e5c2-4749-baff-1bb8c1dfc0d7" providerId="ADAL" clId="{FC50E581-9A3F-A24F-9546-F40EB98BED79}" dt="2022-08-23T17:53:53.039" v="10"/>
          <ac:inkMkLst>
            <pc:docMk/>
            <pc:sldMk cId="3451113877" sldId="296"/>
            <ac:inkMk id="12" creationId="{1F51A925-E466-2CE5-E6EF-F0A1841D6EEE}"/>
          </ac:inkMkLst>
        </pc:inkChg>
        <pc:inkChg chg="add del">
          <ac:chgData name="Matias Vázquez Piñón" userId="e82d7a76-e5c2-4749-baff-1bb8c1dfc0d7" providerId="ADAL" clId="{FC50E581-9A3F-A24F-9546-F40EB98BED79}" dt="2022-08-23T17:54:25.647" v="15"/>
          <ac:inkMkLst>
            <pc:docMk/>
            <pc:sldMk cId="3451113877" sldId="296"/>
            <ac:inkMk id="14" creationId="{2E4E72CD-DA1D-EEA7-326A-5C975C0C6C04}"/>
          </ac:inkMkLst>
        </pc:inkChg>
        <pc:inkChg chg="add del">
          <ac:chgData name="Matias Vázquez Piñón" userId="e82d7a76-e5c2-4749-baff-1bb8c1dfc0d7" providerId="ADAL" clId="{FC50E581-9A3F-A24F-9546-F40EB98BED79}" dt="2022-08-23T17:54:25.647" v="15"/>
          <ac:inkMkLst>
            <pc:docMk/>
            <pc:sldMk cId="3451113877" sldId="296"/>
            <ac:inkMk id="15" creationId="{0BFAB41C-E2CE-BB22-A510-7160090FBB5E}"/>
          </ac:inkMkLst>
        </pc:inkChg>
        <pc:inkChg chg="add del reco">
          <ac:chgData name="Matias Vázquez Piñón" userId="e82d7a76-e5c2-4749-baff-1bb8c1dfc0d7" providerId="ADAL" clId="{FC50E581-9A3F-A24F-9546-F40EB98BED79}" dt="2022-08-23T17:54:35.907" v="21"/>
          <ac:inkMkLst>
            <pc:docMk/>
            <pc:sldMk cId="3451113877" sldId="296"/>
            <ac:inkMk id="16" creationId="{7710F868-1483-FF38-4380-6C5991DCED8E}"/>
          </ac:inkMkLst>
        </pc:inkChg>
        <pc:inkChg chg="add del">
          <ac:chgData name="Matias Vázquez Piñón" userId="e82d7a76-e5c2-4749-baff-1bb8c1dfc0d7" providerId="ADAL" clId="{FC50E581-9A3F-A24F-9546-F40EB98BED79}" dt="2022-08-23T17:54:29.952" v="19"/>
          <ac:inkMkLst>
            <pc:docMk/>
            <pc:sldMk cId="3451113877" sldId="296"/>
            <ac:inkMk id="17" creationId="{776DBAE9-CD73-E73B-F7AB-76123FE19DE6}"/>
          </ac:inkMkLst>
        </pc:inkChg>
        <pc:inkChg chg="add del">
          <ac:chgData name="Matias Vázquez Piñón" userId="e82d7a76-e5c2-4749-baff-1bb8c1dfc0d7" providerId="ADAL" clId="{FC50E581-9A3F-A24F-9546-F40EB98BED79}" dt="2022-08-23T17:54:29.952" v="19"/>
          <ac:inkMkLst>
            <pc:docMk/>
            <pc:sldMk cId="3451113877" sldId="296"/>
            <ac:inkMk id="18" creationId="{519C0566-AF22-8F12-7755-775DAAD26AC1}"/>
          </ac:inkMkLst>
        </pc:inkChg>
        <pc:inkChg chg="add del">
          <ac:chgData name="Matias Vázquez Piñón" userId="e82d7a76-e5c2-4749-baff-1bb8c1dfc0d7" providerId="ADAL" clId="{FC50E581-9A3F-A24F-9546-F40EB98BED79}" dt="2022-08-23T17:54:29.952" v="19"/>
          <ac:inkMkLst>
            <pc:docMk/>
            <pc:sldMk cId="3451113877" sldId="296"/>
            <ac:inkMk id="19" creationId="{C45427D5-F1E3-A8A7-8EF5-7327878F00B7}"/>
          </ac:inkMkLst>
        </pc:inkChg>
        <pc:inkChg chg="add del reco">
          <ac:chgData name="Matias Vázquez Piñón" userId="e82d7a76-e5c2-4749-baff-1bb8c1dfc0d7" providerId="ADAL" clId="{FC50E581-9A3F-A24F-9546-F40EB98BED79}" dt="2022-08-23T17:54:35.900" v="20"/>
          <ac:inkMkLst>
            <pc:docMk/>
            <pc:sldMk cId="3451113877" sldId="296"/>
            <ac:inkMk id="20" creationId="{D018F304-8A9F-0425-F8BA-E927DC53287F}"/>
          </ac:inkMkLst>
        </pc:inkChg>
        <pc:inkChg chg="add del">
          <ac:chgData name="Matias Vázquez Piñón" userId="e82d7a76-e5c2-4749-baff-1bb8c1dfc0d7" providerId="ADAL" clId="{FC50E581-9A3F-A24F-9546-F40EB98BED79}" dt="2022-08-23T17:54:40.541" v="25"/>
          <ac:inkMkLst>
            <pc:docMk/>
            <pc:sldMk cId="3451113877" sldId="296"/>
            <ac:inkMk id="21" creationId="{3E3C24ED-D456-266A-515C-631C24262243}"/>
          </ac:inkMkLst>
        </pc:inkChg>
        <pc:inkChg chg="add del">
          <ac:chgData name="Matias Vázquez Piñón" userId="e82d7a76-e5c2-4749-baff-1bb8c1dfc0d7" providerId="ADAL" clId="{FC50E581-9A3F-A24F-9546-F40EB98BED79}" dt="2022-08-23T17:54:40.541" v="25"/>
          <ac:inkMkLst>
            <pc:docMk/>
            <pc:sldMk cId="3451113877" sldId="296"/>
            <ac:inkMk id="22" creationId="{64179961-00D2-986D-C84E-D0416D09F42E}"/>
          </ac:inkMkLst>
        </pc:inkChg>
        <pc:inkChg chg="add del">
          <ac:chgData name="Matias Vázquez Piñón" userId="e82d7a76-e5c2-4749-baff-1bb8c1dfc0d7" providerId="ADAL" clId="{FC50E581-9A3F-A24F-9546-F40EB98BED79}" dt="2022-08-23T17:54:40.541" v="25"/>
          <ac:inkMkLst>
            <pc:docMk/>
            <pc:sldMk cId="3451113877" sldId="296"/>
            <ac:inkMk id="23" creationId="{3C602708-BB73-247B-ED68-E0B52C247C17}"/>
          </ac:inkMkLst>
        </pc:inkChg>
        <pc:inkChg chg="add del reco">
          <ac:chgData name="Matias Vázquez Piñón" userId="e82d7a76-e5c2-4749-baff-1bb8c1dfc0d7" providerId="ADAL" clId="{FC50E581-9A3F-A24F-9546-F40EB98BED79}" dt="2022-08-23T17:54:48.062" v="29"/>
          <ac:inkMkLst>
            <pc:docMk/>
            <pc:sldMk cId="3451113877" sldId="296"/>
            <ac:inkMk id="24" creationId="{15910E09-D3F4-9066-5399-332EB6C1B8B3}"/>
          </ac:inkMkLst>
        </pc:inkChg>
        <pc:inkChg chg="add del">
          <ac:chgData name="Matias Vázquez Piñón" userId="e82d7a76-e5c2-4749-baff-1bb8c1dfc0d7" providerId="ADAL" clId="{FC50E581-9A3F-A24F-9546-F40EB98BED79}" dt="2022-08-23T17:54:46.097" v="28"/>
          <ac:inkMkLst>
            <pc:docMk/>
            <pc:sldMk cId="3451113877" sldId="296"/>
            <ac:inkMk id="25" creationId="{17514625-5DD0-2E76-4B10-3E4BA200C263}"/>
          </ac:inkMkLst>
        </pc:inkChg>
        <pc:inkChg chg="add del">
          <ac:chgData name="Matias Vázquez Piñón" userId="e82d7a76-e5c2-4749-baff-1bb8c1dfc0d7" providerId="ADAL" clId="{FC50E581-9A3F-A24F-9546-F40EB98BED79}" dt="2022-08-23T17:54:46.097" v="28"/>
          <ac:inkMkLst>
            <pc:docMk/>
            <pc:sldMk cId="3451113877" sldId="296"/>
            <ac:inkMk id="26" creationId="{0617081D-13F4-9264-152A-887CFB7421BB}"/>
          </ac:inkMkLst>
        </pc:inkChg>
        <pc:inkChg chg="add del reco">
          <ac:chgData name="Matias Vázquez Piñón" userId="e82d7a76-e5c2-4749-baff-1bb8c1dfc0d7" providerId="ADAL" clId="{FC50E581-9A3F-A24F-9546-F40EB98BED79}" dt="2022-08-23T17:54:48.067" v="30"/>
          <ac:inkMkLst>
            <pc:docMk/>
            <pc:sldMk cId="3451113877" sldId="296"/>
            <ac:inkMk id="28" creationId="{E59C24BD-C88C-E3B7-7CCC-F31E7C90A222}"/>
          </ac:inkMkLst>
        </pc:inkChg>
        <pc:inkChg chg="add del">
          <ac:chgData name="Matias Vázquez Piñón" userId="e82d7a76-e5c2-4749-baff-1bb8c1dfc0d7" providerId="ADAL" clId="{FC50E581-9A3F-A24F-9546-F40EB98BED79}" dt="2022-08-23T17:55:00.648" v="33"/>
          <ac:inkMkLst>
            <pc:docMk/>
            <pc:sldMk cId="3451113877" sldId="296"/>
            <ac:inkMk id="29" creationId="{FCF355C3-EB60-8773-A685-9745B4C6CC3D}"/>
          </ac:inkMkLst>
        </pc:inkChg>
        <pc:inkChg chg="add del">
          <ac:chgData name="Matias Vázquez Piñón" userId="e82d7a76-e5c2-4749-baff-1bb8c1dfc0d7" providerId="ADAL" clId="{FC50E581-9A3F-A24F-9546-F40EB98BED79}" dt="2022-08-23T17:55:00.648" v="33"/>
          <ac:inkMkLst>
            <pc:docMk/>
            <pc:sldMk cId="3451113877" sldId="296"/>
            <ac:inkMk id="30" creationId="{52729DF7-1FAE-9090-A33D-3A0C0D68C8DB}"/>
          </ac:inkMkLst>
        </pc:inkChg>
        <pc:inkChg chg="add del reco">
          <ac:chgData name="Matias Vázquez Piñón" userId="e82d7a76-e5c2-4749-baff-1bb8c1dfc0d7" providerId="ADAL" clId="{FC50E581-9A3F-A24F-9546-F40EB98BED79}" dt="2022-08-23T17:55:19.490" v="47"/>
          <ac:inkMkLst>
            <pc:docMk/>
            <pc:sldMk cId="3451113877" sldId="296"/>
            <ac:inkMk id="31" creationId="{A446D14F-EE20-024D-92BD-09D8D5AD2481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2" creationId="{AF6A7C65-AD09-0B24-7C7C-B65BACB8C2D9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3" creationId="{39127A96-4E9A-5FF3-C892-EEEF1A5FAA70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4" creationId="{7D750853-7FE2-84B5-21DC-67F5AE0EFB93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5" creationId="{6A4DC313-CF89-1472-B23C-17EFB622C9BB}"/>
          </ac:inkMkLst>
        </pc:inkChg>
        <pc:inkChg chg="add del">
          <ac:chgData name="Matias Vázquez Piñón" userId="e82d7a76-e5c2-4749-baff-1bb8c1dfc0d7" providerId="ADAL" clId="{FC50E581-9A3F-A24F-9546-F40EB98BED79}" dt="2022-08-23T17:55:05.440" v="39"/>
          <ac:inkMkLst>
            <pc:docMk/>
            <pc:sldMk cId="3451113877" sldId="296"/>
            <ac:inkMk id="36" creationId="{1710B0E6-BB91-4737-5401-13C69CE4BEE1}"/>
          </ac:inkMkLst>
        </pc:inkChg>
        <pc:inkChg chg="add del reco">
          <ac:chgData name="Matias Vázquez Piñón" userId="e82d7a76-e5c2-4749-baff-1bb8c1dfc0d7" providerId="ADAL" clId="{FC50E581-9A3F-A24F-9546-F40EB98BED79}" dt="2022-08-23T17:55:19.484" v="45"/>
          <ac:inkMkLst>
            <pc:docMk/>
            <pc:sldMk cId="3451113877" sldId="296"/>
            <ac:inkMk id="37" creationId="{267E8A5B-3DD3-D88E-25E1-64DCD46402DD}"/>
          </ac:inkMkLst>
        </pc:inkChg>
        <pc:inkChg chg="add del">
          <ac:chgData name="Matias Vázquez Piñón" userId="e82d7a76-e5c2-4749-baff-1bb8c1dfc0d7" providerId="ADAL" clId="{FC50E581-9A3F-A24F-9546-F40EB98BED79}" dt="2022-08-23T17:55:13.661" v="44"/>
          <ac:inkMkLst>
            <pc:docMk/>
            <pc:sldMk cId="3451113877" sldId="296"/>
            <ac:inkMk id="38" creationId="{55FBB0B6-C5F7-CD41-D5ED-B4DFE7D8177E}"/>
          </ac:inkMkLst>
        </pc:inkChg>
        <pc:inkChg chg="add del">
          <ac:chgData name="Matias Vázquez Piñón" userId="e82d7a76-e5c2-4749-baff-1bb8c1dfc0d7" providerId="ADAL" clId="{FC50E581-9A3F-A24F-9546-F40EB98BED79}" dt="2022-08-23T17:55:13.661" v="44"/>
          <ac:inkMkLst>
            <pc:docMk/>
            <pc:sldMk cId="3451113877" sldId="296"/>
            <ac:inkMk id="39" creationId="{998D7868-29A2-0EFF-5B1A-261A162A09DE}"/>
          </ac:inkMkLst>
        </pc:inkChg>
        <pc:inkChg chg="add del">
          <ac:chgData name="Matias Vázquez Piñón" userId="e82d7a76-e5c2-4749-baff-1bb8c1dfc0d7" providerId="ADAL" clId="{FC50E581-9A3F-A24F-9546-F40EB98BED79}" dt="2022-08-23T17:55:13.661" v="44"/>
          <ac:inkMkLst>
            <pc:docMk/>
            <pc:sldMk cId="3451113877" sldId="296"/>
            <ac:inkMk id="40" creationId="{F9F14DE9-0B5D-C974-FBEC-9D87C483D6DF}"/>
          </ac:inkMkLst>
        </pc:inkChg>
        <pc:inkChg chg="add del">
          <ac:chgData name="Matias Vázquez Piñón" userId="e82d7a76-e5c2-4749-baff-1bb8c1dfc0d7" providerId="ADAL" clId="{FC50E581-9A3F-A24F-9546-F40EB98BED79}" dt="2022-08-23T17:55:13.661" v="44"/>
          <ac:inkMkLst>
            <pc:docMk/>
            <pc:sldMk cId="3451113877" sldId="296"/>
            <ac:inkMk id="41" creationId="{6BE5E692-BCAB-4224-DE0E-D28B8235B7A2}"/>
          </ac:inkMkLst>
        </pc:inkChg>
        <pc:inkChg chg="add del reco">
          <ac:chgData name="Matias Vázquez Piñón" userId="e82d7a76-e5c2-4749-baff-1bb8c1dfc0d7" providerId="ADAL" clId="{FC50E581-9A3F-A24F-9546-F40EB98BED79}" dt="2022-08-23T17:55:19.488" v="46"/>
          <ac:inkMkLst>
            <pc:docMk/>
            <pc:sldMk cId="3451113877" sldId="296"/>
            <ac:inkMk id="42" creationId="{5D462693-EDCD-2895-DF20-92EC2CEF025E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3" creationId="{71C0C92B-9028-AFEC-8FEC-54160B78FBCF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4" creationId="{E50CA2C5-3CB3-7C4F-A24F-82439A75A7E1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5" creationId="{3DC7F9AD-89DC-F404-3AD0-43AB9703BC00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6" creationId="{F4415AA8-BE1C-9384-0B84-CBC21CD161BF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7" creationId="{BE71C31F-0E33-A0A1-FBDA-6498A1E0DCBC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8" creationId="{6C8F4157-FDF5-3D33-A260-D1B2C91A7AB1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49" creationId="{6D753C60-B190-3B60-6D2F-74B631A2CAB6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50" creationId="{71C52A68-A038-1F50-6DD5-E41302B8F785}"/>
          </ac:inkMkLst>
        </pc:inkChg>
        <pc:inkChg chg="add del">
          <ac:chgData name="Matias Vázquez Piñón" userId="e82d7a76-e5c2-4749-baff-1bb8c1dfc0d7" providerId="ADAL" clId="{FC50E581-9A3F-A24F-9546-F40EB98BED79}" dt="2022-08-23T17:55:31.643" v="57"/>
          <ac:inkMkLst>
            <pc:docMk/>
            <pc:sldMk cId="3451113877" sldId="296"/>
            <ac:inkMk id="51" creationId="{BF8E1021-B548-1FCD-A389-5A01970BE779}"/>
          </ac:inkMkLst>
        </pc:inkChg>
        <pc:inkChg chg="add del reco">
          <ac:chgData name="Matias Vázquez Piñón" userId="e82d7a76-e5c2-4749-baff-1bb8c1dfc0d7" providerId="ADAL" clId="{FC50E581-9A3F-A24F-9546-F40EB98BED79}" dt="2022-08-23T17:55:48.583" v="67"/>
          <ac:inkMkLst>
            <pc:docMk/>
            <pc:sldMk cId="3451113877" sldId="296"/>
            <ac:inkMk id="52" creationId="{F3DE7816-6D28-60A6-8808-9339BA9C646B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3" creationId="{2AAB59E6-F40C-DBF3-852E-D6B4D28922E0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4" creationId="{5ECC5DC1-5FE4-335E-A0AA-9168BB4F8FCB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5" creationId="{3B4DF46A-6571-69C3-3CCE-146D872F2DFC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6" creationId="{29C35DBD-DA24-0806-B9C0-4F129E10813E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7" creationId="{C70119AC-A577-FD4B-184C-8AF2FB50E9FA}"/>
          </ac:inkMkLst>
        </pc:inkChg>
        <pc:inkChg chg="add del">
          <ac:chgData name="Matias Vázquez Piñón" userId="e82d7a76-e5c2-4749-baff-1bb8c1dfc0d7" providerId="ADAL" clId="{FC50E581-9A3F-A24F-9546-F40EB98BED79}" dt="2022-08-23T17:55:42.422" v="64"/>
          <ac:inkMkLst>
            <pc:docMk/>
            <pc:sldMk cId="3451113877" sldId="296"/>
            <ac:inkMk id="58" creationId="{3C368682-36D0-D584-F639-9406F4DA1D40}"/>
          </ac:inkMkLst>
        </pc:inkChg>
        <pc:inkChg chg="add del reco">
          <ac:chgData name="Matias Vázquez Piñón" userId="e82d7a76-e5c2-4749-baff-1bb8c1dfc0d7" providerId="ADAL" clId="{FC50E581-9A3F-A24F-9546-F40EB98BED79}" dt="2022-08-23T17:55:48.587" v="68"/>
          <ac:inkMkLst>
            <pc:docMk/>
            <pc:sldMk cId="3451113877" sldId="296"/>
            <ac:inkMk id="59" creationId="{4D400FE6-4D41-B9C1-EC1C-F8ADBABD5076}"/>
          </ac:inkMkLst>
        </pc:inkChg>
        <pc:inkChg chg="add del">
          <ac:chgData name="Matias Vázquez Piñón" userId="e82d7a76-e5c2-4749-baff-1bb8c1dfc0d7" providerId="ADAL" clId="{FC50E581-9A3F-A24F-9546-F40EB98BED79}" dt="2022-08-23T17:55:48.579" v="66"/>
          <ac:inkMkLst>
            <pc:docMk/>
            <pc:sldMk cId="3451113877" sldId="296"/>
            <ac:inkMk id="60" creationId="{E321AC32-03EE-6C47-8FAF-471100B341A6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1" creationId="{6D0B3E23-6FA7-C7C4-13CA-451C1BD5462E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2" creationId="{104B6C8C-ECBE-5EB3-4653-EB5595185946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3" creationId="{2FDB8696-377A-C3BD-DA8F-625FF3B26C3B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4" creationId="{A8EF9F7F-92BB-A8EA-0D8F-CA4085809979}"/>
          </ac:inkMkLst>
        </pc:inkChg>
        <pc:inkChg chg="add del">
          <ac:chgData name="Matias Vázquez Piñón" userId="e82d7a76-e5c2-4749-baff-1bb8c1dfc0d7" providerId="ADAL" clId="{FC50E581-9A3F-A24F-9546-F40EB98BED79}" dt="2022-08-23T17:55:56.578" v="74"/>
          <ac:inkMkLst>
            <pc:docMk/>
            <pc:sldMk cId="3451113877" sldId="296"/>
            <ac:inkMk id="65" creationId="{FBCEBA3E-85BA-A170-0628-BCEFFF0CD9F5}"/>
          </ac:inkMkLst>
        </pc:inkChg>
        <pc:inkChg chg="add del reco">
          <ac:chgData name="Matias Vázquez Piñón" userId="e82d7a76-e5c2-4749-baff-1bb8c1dfc0d7" providerId="ADAL" clId="{FC50E581-9A3F-A24F-9546-F40EB98BED79}" dt="2022-08-23T17:56:01.857" v="82"/>
          <ac:inkMkLst>
            <pc:docMk/>
            <pc:sldMk cId="3451113877" sldId="296"/>
            <ac:inkMk id="66" creationId="{BE5C4983-4052-0875-BAC8-7EAE15E95DC0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67" creationId="{12F04D67-E42C-E60A-65EB-94A6437B4F21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68" creationId="{93E20855-F265-AC74-B501-836EA3B0EE2A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69" creationId="{C28197AE-0E60-B3CF-F7D4-3BAE9327A489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70" creationId="{AE77E156-09BB-0C39-BF4B-8E62BCBFDBFA}"/>
          </ac:inkMkLst>
        </pc:inkChg>
        <pc:inkChg chg="add del">
          <ac:chgData name="Matias Vázquez Piñón" userId="e82d7a76-e5c2-4749-baff-1bb8c1dfc0d7" providerId="ADAL" clId="{FC50E581-9A3F-A24F-9546-F40EB98BED79}" dt="2022-08-23T17:56:00.223" v="80"/>
          <ac:inkMkLst>
            <pc:docMk/>
            <pc:sldMk cId="3451113877" sldId="296"/>
            <ac:inkMk id="71" creationId="{15AAFD23-C745-B194-57BD-01680E29FE0F}"/>
          </ac:inkMkLst>
        </pc:inkChg>
        <pc:inkChg chg="add del reco">
          <ac:chgData name="Matias Vázquez Piñón" userId="e82d7a76-e5c2-4749-baff-1bb8c1dfc0d7" providerId="ADAL" clId="{FC50E581-9A3F-A24F-9546-F40EB98BED79}" dt="2022-08-23T17:56:01.851" v="81"/>
          <ac:inkMkLst>
            <pc:docMk/>
            <pc:sldMk cId="3451113877" sldId="296"/>
            <ac:inkMk id="72" creationId="{CEF0B996-BF71-43EA-01FD-8BB4A9703707}"/>
          </ac:inkMkLst>
        </pc:inkChg>
        <pc:inkChg chg="add del">
          <ac:chgData name="Matias Vázquez Piñón" userId="e82d7a76-e5c2-4749-baff-1bb8c1dfc0d7" providerId="ADAL" clId="{FC50E581-9A3F-A24F-9546-F40EB98BED79}" dt="2022-08-23T17:56:07.336" v="85"/>
          <ac:inkMkLst>
            <pc:docMk/>
            <pc:sldMk cId="3451113877" sldId="296"/>
            <ac:inkMk id="73" creationId="{259F22FA-533D-48CB-74D9-45EC08A05DD8}"/>
          </ac:inkMkLst>
        </pc:inkChg>
        <pc:inkChg chg="add del">
          <ac:chgData name="Matias Vázquez Piñón" userId="e82d7a76-e5c2-4749-baff-1bb8c1dfc0d7" providerId="ADAL" clId="{FC50E581-9A3F-A24F-9546-F40EB98BED79}" dt="2022-08-23T17:56:07.336" v="85"/>
          <ac:inkMkLst>
            <pc:docMk/>
            <pc:sldMk cId="3451113877" sldId="296"/>
            <ac:inkMk id="74" creationId="{B08A3159-06B2-BC9B-C334-D8EDF9653847}"/>
          </ac:inkMkLst>
        </pc:inkChg>
        <pc:inkChg chg="add del reco">
          <ac:chgData name="Matias Vázquez Piñón" userId="e82d7a76-e5c2-4749-baff-1bb8c1dfc0d7" providerId="ADAL" clId="{FC50E581-9A3F-A24F-9546-F40EB98BED79}" dt="2022-08-23T17:56:08.709" v="86"/>
          <ac:inkMkLst>
            <pc:docMk/>
            <pc:sldMk cId="3451113877" sldId="296"/>
            <ac:inkMk id="75" creationId="{DA642451-AD03-593E-4428-72DBF56431C1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76" creationId="{FB2C16BE-E8D7-9F79-F7C4-113286FD42DD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77" creationId="{BA90C3C8-6D3D-EAA2-879C-E5410A9F057F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78" creationId="{52B7ACAE-38E2-08D3-B5E0-40A2B2D9A47A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79" creationId="{32FC9BC3-5B50-8115-B2BC-5759250C6C33}"/>
          </ac:inkMkLst>
        </pc:inkChg>
        <pc:inkChg chg="add del">
          <ac:chgData name="Matias Vázquez Piñón" userId="e82d7a76-e5c2-4749-baff-1bb8c1dfc0d7" providerId="ADAL" clId="{FC50E581-9A3F-A24F-9546-F40EB98BED79}" dt="2022-08-23T17:56:14.845" v="92"/>
          <ac:inkMkLst>
            <pc:docMk/>
            <pc:sldMk cId="3451113877" sldId="296"/>
            <ac:inkMk id="80" creationId="{EC2698BC-30E3-30BC-4A2C-8A4A6CF32B9E}"/>
          </ac:inkMkLst>
        </pc:inkChg>
        <pc:inkChg chg="add del reco">
          <ac:chgData name="Matias Vázquez Piñón" userId="e82d7a76-e5c2-4749-baff-1bb8c1dfc0d7" providerId="ADAL" clId="{FC50E581-9A3F-A24F-9546-F40EB98BED79}" dt="2022-08-23T17:56:20.256" v="93"/>
          <ac:inkMkLst>
            <pc:docMk/>
            <pc:sldMk cId="3451113877" sldId="296"/>
            <ac:inkMk id="81" creationId="{021A5EC7-2D83-901A-6A7A-AFD830985A71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2" creationId="{1B7848A7-3AD3-D71A-0A92-F9E045884E98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3" creationId="{486F5C49-415D-F463-A926-20581774D2C7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4" creationId="{94F70130-6ACC-D5A0-9EAC-7E2577420370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5" creationId="{1236CC58-D926-7877-D1F6-965BAB0A5E4A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6" creationId="{DF55E8AB-5BDE-1DBB-9FCC-7B2ABE050F20}"/>
          </ac:inkMkLst>
        </pc:inkChg>
        <pc:inkChg chg="add del">
          <ac:chgData name="Matias Vázquez Piñón" userId="e82d7a76-e5c2-4749-baff-1bb8c1dfc0d7" providerId="ADAL" clId="{FC50E581-9A3F-A24F-9546-F40EB98BED79}" dt="2022-08-23T17:56:25.741" v="100"/>
          <ac:inkMkLst>
            <pc:docMk/>
            <pc:sldMk cId="3451113877" sldId="296"/>
            <ac:inkMk id="87" creationId="{26CB55A3-BF85-352A-E4AF-D7BC422BA6DC}"/>
          </ac:inkMkLst>
        </pc:inkChg>
        <pc:inkChg chg="add del reco">
          <ac:chgData name="Matias Vázquez Piñón" userId="e82d7a76-e5c2-4749-baff-1bb8c1dfc0d7" providerId="ADAL" clId="{FC50E581-9A3F-A24F-9546-F40EB98BED79}" dt="2022-08-23T17:56:37.187" v="104"/>
          <ac:inkMkLst>
            <pc:docMk/>
            <pc:sldMk cId="3451113877" sldId="296"/>
            <ac:inkMk id="88" creationId="{27C8F522-9799-CFEA-090E-FC122EEA7600}"/>
          </ac:inkMkLst>
        </pc:inkChg>
        <pc:inkChg chg="add del">
          <ac:chgData name="Matias Vázquez Piñón" userId="e82d7a76-e5c2-4749-baff-1bb8c1dfc0d7" providerId="ADAL" clId="{FC50E581-9A3F-A24F-9546-F40EB98BED79}" dt="2022-08-23T17:56:34.578" v="103"/>
          <ac:inkMkLst>
            <pc:docMk/>
            <pc:sldMk cId="3451113877" sldId="296"/>
            <ac:inkMk id="89" creationId="{692B1E69-4592-327E-574B-0CCF39374468}"/>
          </ac:inkMkLst>
        </pc:inkChg>
        <pc:inkChg chg="add del">
          <ac:chgData name="Matias Vázquez Piñón" userId="e82d7a76-e5c2-4749-baff-1bb8c1dfc0d7" providerId="ADAL" clId="{FC50E581-9A3F-A24F-9546-F40EB98BED79}" dt="2022-08-23T17:56:34.578" v="103"/>
          <ac:inkMkLst>
            <pc:docMk/>
            <pc:sldMk cId="3451113877" sldId="296"/>
            <ac:inkMk id="90" creationId="{94C0F305-90EA-64D8-E17C-00EA53C036F2}"/>
          </ac:inkMkLst>
        </pc:inkChg>
        <pc:inkChg chg="add del reco">
          <ac:chgData name="Matias Vázquez Piñón" userId="e82d7a76-e5c2-4749-baff-1bb8c1dfc0d7" providerId="ADAL" clId="{FC50E581-9A3F-A24F-9546-F40EB98BED79}" dt="2022-08-23T17:56:37.193" v="105"/>
          <ac:inkMkLst>
            <pc:docMk/>
            <pc:sldMk cId="3451113877" sldId="296"/>
            <ac:inkMk id="91" creationId="{58811F74-D2AB-3A86-FD12-572DCE764007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2" creationId="{9A4B87E1-6CB7-B4B5-0C73-152B85780B40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3" creationId="{1C13B3CD-4EA8-F51C-EEE2-BE78581E71B6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4" creationId="{969C2CF0-5D3A-91C6-9D20-8D0E4016FFCA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5" creationId="{9660E2CB-9CFE-CD19-6B5B-BDD9FB42AF67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6" creationId="{42DCF2F2-D1E9-B887-1C0D-766B00813AD4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7" creationId="{1F7BCE43-2825-D0C6-676D-16AF6F652EEC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8" creationId="{7A930D82-7CFB-38AE-213E-43261CA15977}"/>
          </ac:inkMkLst>
        </pc:inkChg>
        <pc:inkChg chg="add del">
          <ac:chgData name="Matias Vázquez Piñón" userId="e82d7a76-e5c2-4749-baff-1bb8c1dfc0d7" providerId="ADAL" clId="{FC50E581-9A3F-A24F-9546-F40EB98BED79}" dt="2022-08-23T17:56:44.210" v="114"/>
          <ac:inkMkLst>
            <pc:docMk/>
            <pc:sldMk cId="3451113877" sldId="296"/>
            <ac:inkMk id="99" creationId="{5BDD02AD-870B-2042-CE38-8BD0AC8A7C0D}"/>
          </ac:inkMkLst>
        </pc:inkChg>
        <pc:inkChg chg="add del reco">
          <ac:chgData name="Matias Vázquez Piñón" userId="e82d7a76-e5c2-4749-baff-1bb8c1dfc0d7" providerId="ADAL" clId="{FC50E581-9A3F-A24F-9546-F40EB98BED79}" dt="2022-08-23T17:56:45.610" v="115"/>
          <ac:inkMkLst>
            <pc:docMk/>
            <pc:sldMk cId="3451113877" sldId="296"/>
            <ac:inkMk id="100" creationId="{7F73DD54-C874-4B40-A80E-A9F7A0E80439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1" creationId="{F7E32FA9-EA9C-2B08-45F9-BC12BE81EEF0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2" creationId="{5F4D88ED-35D7-5000-CD00-901DB6791DF7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3" creationId="{BA2EEE35-0EEC-24C7-95FD-F7096AD9ECA5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4" creationId="{6D057FF9-5971-8D99-52AA-C7D05E826858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5" creationId="{2E4D279A-E2C0-6B97-6CF5-43F113D03798}"/>
          </ac:inkMkLst>
        </pc:inkChg>
        <pc:inkChg chg="add del">
          <ac:chgData name="Matias Vázquez Piñón" userId="e82d7a76-e5c2-4749-baff-1bb8c1dfc0d7" providerId="ADAL" clId="{FC50E581-9A3F-A24F-9546-F40EB98BED79}" dt="2022-08-23T17:56:52.838" v="122"/>
          <ac:inkMkLst>
            <pc:docMk/>
            <pc:sldMk cId="3451113877" sldId="296"/>
            <ac:inkMk id="106" creationId="{2304E679-89DD-D81A-A983-9DDEA2736FDC}"/>
          </ac:inkMkLst>
        </pc:inkChg>
        <pc:inkChg chg="add del reco">
          <ac:chgData name="Matias Vázquez Piñón" userId="e82d7a76-e5c2-4749-baff-1bb8c1dfc0d7" providerId="ADAL" clId="{FC50E581-9A3F-A24F-9546-F40EB98BED79}" dt="2022-08-23T17:56:56.225" v="123"/>
          <ac:inkMkLst>
            <pc:docMk/>
            <pc:sldMk cId="3451113877" sldId="296"/>
            <ac:inkMk id="107" creationId="{2FDDD83A-A03C-82F2-3BD1-15599A7FA9CA}"/>
          </ac:inkMkLst>
        </pc:inkChg>
        <pc:inkChg chg="add del">
          <ac:chgData name="Matias Vázquez Piñón" userId="e82d7a76-e5c2-4749-baff-1bb8c1dfc0d7" providerId="ADAL" clId="{FC50E581-9A3F-A24F-9546-F40EB98BED79}" dt="2022-08-23T17:57:01.560" v="128"/>
          <ac:inkMkLst>
            <pc:docMk/>
            <pc:sldMk cId="3451113877" sldId="296"/>
            <ac:inkMk id="108" creationId="{ABC9EAA9-C199-1A72-6E73-729926F63396}"/>
          </ac:inkMkLst>
        </pc:inkChg>
        <pc:inkChg chg="add del">
          <ac:chgData name="Matias Vázquez Piñón" userId="e82d7a76-e5c2-4749-baff-1bb8c1dfc0d7" providerId="ADAL" clId="{FC50E581-9A3F-A24F-9546-F40EB98BED79}" dt="2022-08-23T17:57:01.560" v="128"/>
          <ac:inkMkLst>
            <pc:docMk/>
            <pc:sldMk cId="3451113877" sldId="296"/>
            <ac:inkMk id="109" creationId="{19ABEDF8-DFB4-0B45-4FA8-F9DAD153B381}"/>
          </ac:inkMkLst>
        </pc:inkChg>
        <pc:inkChg chg="add del">
          <ac:chgData name="Matias Vázquez Piñón" userId="e82d7a76-e5c2-4749-baff-1bb8c1dfc0d7" providerId="ADAL" clId="{FC50E581-9A3F-A24F-9546-F40EB98BED79}" dt="2022-08-23T17:57:01.560" v="128"/>
          <ac:inkMkLst>
            <pc:docMk/>
            <pc:sldMk cId="3451113877" sldId="296"/>
            <ac:inkMk id="110" creationId="{D2182BD3-FAFB-B285-77DA-D5FE2C9BBD27}"/>
          </ac:inkMkLst>
        </pc:inkChg>
        <pc:inkChg chg="add del">
          <ac:chgData name="Matias Vázquez Piñón" userId="e82d7a76-e5c2-4749-baff-1bb8c1dfc0d7" providerId="ADAL" clId="{FC50E581-9A3F-A24F-9546-F40EB98BED79}" dt="2022-08-23T17:57:01.560" v="128"/>
          <ac:inkMkLst>
            <pc:docMk/>
            <pc:sldMk cId="3451113877" sldId="296"/>
            <ac:inkMk id="111" creationId="{BE0A0276-7EDA-8047-A563-C20B3B36415D}"/>
          </ac:inkMkLst>
        </pc:inkChg>
        <pc:inkChg chg="add del reco">
          <ac:chgData name="Matias Vázquez Piñón" userId="e82d7a76-e5c2-4749-baff-1bb8c1dfc0d7" providerId="ADAL" clId="{FC50E581-9A3F-A24F-9546-F40EB98BED79}" dt="2022-08-23T17:57:34.927" v="152"/>
          <ac:inkMkLst>
            <pc:docMk/>
            <pc:sldMk cId="3451113877" sldId="296"/>
            <ac:inkMk id="112" creationId="{7898F2FC-4E04-6481-E2EE-4F811387FC4C}"/>
          </ac:inkMkLst>
        </pc:inkChg>
        <pc:inkChg chg="add del">
          <ac:chgData name="Matias Vázquez Piñón" userId="e82d7a76-e5c2-4749-baff-1bb8c1dfc0d7" providerId="ADAL" clId="{FC50E581-9A3F-A24F-9546-F40EB98BED79}" dt="2022-08-23T17:57:05.123" v="131"/>
          <ac:inkMkLst>
            <pc:docMk/>
            <pc:sldMk cId="3451113877" sldId="296"/>
            <ac:inkMk id="113" creationId="{D2E759C9-7A1B-DA80-8678-E35610B3875E}"/>
          </ac:inkMkLst>
        </pc:inkChg>
        <pc:inkChg chg="add del">
          <ac:chgData name="Matias Vázquez Piñón" userId="e82d7a76-e5c2-4749-baff-1bb8c1dfc0d7" providerId="ADAL" clId="{FC50E581-9A3F-A24F-9546-F40EB98BED79}" dt="2022-08-23T17:57:05.123" v="131"/>
          <ac:inkMkLst>
            <pc:docMk/>
            <pc:sldMk cId="3451113877" sldId="296"/>
            <ac:inkMk id="114" creationId="{A4CA6F16-7D7C-2296-836E-41CDA0726E1C}"/>
          </ac:inkMkLst>
        </pc:inkChg>
        <pc:inkChg chg="add del reco">
          <ac:chgData name="Matias Vázquez Piñón" userId="e82d7a76-e5c2-4749-baff-1bb8c1dfc0d7" providerId="ADAL" clId="{FC50E581-9A3F-A24F-9546-F40EB98BED79}" dt="2022-08-23T17:57:34.916" v="149"/>
          <ac:inkMkLst>
            <pc:docMk/>
            <pc:sldMk cId="3451113877" sldId="296"/>
            <ac:inkMk id="115" creationId="{A3FA20C3-980D-F88A-EEE2-F328CCA0EBCF}"/>
          </ac:inkMkLst>
        </pc:inkChg>
        <pc:inkChg chg="add del">
          <ac:chgData name="Matias Vázquez Piñón" userId="e82d7a76-e5c2-4749-baff-1bb8c1dfc0d7" providerId="ADAL" clId="{FC50E581-9A3F-A24F-9546-F40EB98BED79}" dt="2022-08-23T17:57:08.771" v="136"/>
          <ac:inkMkLst>
            <pc:docMk/>
            <pc:sldMk cId="3451113877" sldId="296"/>
            <ac:inkMk id="116" creationId="{6E1050CE-017A-F302-E070-7616A20A316F}"/>
          </ac:inkMkLst>
        </pc:inkChg>
        <pc:inkChg chg="add del">
          <ac:chgData name="Matias Vázquez Piñón" userId="e82d7a76-e5c2-4749-baff-1bb8c1dfc0d7" providerId="ADAL" clId="{FC50E581-9A3F-A24F-9546-F40EB98BED79}" dt="2022-08-23T17:57:08.771" v="136"/>
          <ac:inkMkLst>
            <pc:docMk/>
            <pc:sldMk cId="3451113877" sldId="296"/>
            <ac:inkMk id="117" creationId="{94060E6B-E391-BE84-F582-A25F39BB6402}"/>
          </ac:inkMkLst>
        </pc:inkChg>
        <pc:inkChg chg="add del">
          <ac:chgData name="Matias Vázquez Piñón" userId="e82d7a76-e5c2-4749-baff-1bb8c1dfc0d7" providerId="ADAL" clId="{FC50E581-9A3F-A24F-9546-F40EB98BED79}" dt="2022-08-23T17:57:08.771" v="136"/>
          <ac:inkMkLst>
            <pc:docMk/>
            <pc:sldMk cId="3451113877" sldId="296"/>
            <ac:inkMk id="118" creationId="{539C25AE-7363-3814-7AEF-647AC63AD04A}"/>
          </ac:inkMkLst>
        </pc:inkChg>
        <pc:inkChg chg="add del">
          <ac:chgData name="Matias Vázquez Piñón" userId="e82d7a76-e5c2-4749-baff-1bb8c1dfc0d7" providerId="ADAL" clId="{FC50E581-9A3F-A24F-9546-F40EB98BED79}" dt="2022-08-23T17:57:08.771" v="136"/>
          <ac:inkMkLst>
            <pc:docMk/>
            <pc:sldMk cId="3451113877" sldId="296"/>
            <ac:inkMk id="119" creationId="{A3C77BBC-A00A-6013-5651-F7AA996E203C}"/>
          </ac:inkMkLst>
        </pc:inkChg>
        <pc:inkChg chg="add del reco">
          <ac:chgData name="Matias Vázquez Piñón" userId="e82d7a76-e5c2-4749-baff-1bb8c1dfc0d7" providerId="ADAL" clId="{FC50E581-9A3F-A24F-9546-F40EB98BED79}" dt="2022-08-23T17:57:34.924" v="151"/>
          <ac:inkMkLst>
            <pc:docMk/>
            <pc:sldMk cId="3451113877" sldId="296"/>
            <ac:inkMk id="120" creationId="{D14FE3F5-5C36-705D-FE16-E863D385DF02}"/>
          </ac:inkMkLst>
        </pc:inkChg>
        <pc:inkChg chg="add del">
          <ac:chgData name="Matias Vázquez Piñón" userId="e82d7a76-e5c2-4749-baff-1bb8c1dfc0d7" providerId="ADAL" clId="{FC50E581-9A3F-A24F-9546-F40EB98BED79}" dt="2022-08-23T17:57:13.123" v="139"/>
          <ac:inkMkLst>
            <pc:docMk/>
            <pc:sldMk cId="3451113877" sldId="296"/>
            <ac:inkMk id="121" creationId="{7B19FEE5-1340-319E-0A3D-7BFF44CA55D8}"/>
          </ac:inkMkLst>
        </pc:inkChg>
        <pc:inkChg chg="add del">
          <ac:chgData name="Matias Vázquez Piñón" userId="e82d7a76-e5c2-4749-baff-1bb8c1dfc0d7" providerId="ADAL" clId="{FC50E581-9A3F-A24F-9546-F40EB98BED79}" dt="2022-08-23T17:57:13.123" v="139"/>
          <ac:inkMkLst>
            <pc:docMk/>
            <pc:sldMk cId="3451113877" sldId="296"/>
            <ac:inkMk id="122" creationId="{6E3BE685-963A-4D24-B223-DDF029B0363B}"/>
          </ac:inkMkLst>
        </pc:inkChg>
        <pc:inkChg chg="add del reco">
          <ac:chgData name="Matias Vázquez Piñón" userId="e82d7a76-e5c2-4749-baff-1bb8c1dfc0d7" providerId="ADAL" clId="{FC50E581-9A3F-A24F-9546-F40EB98BED79}" dt="2022-08-23T17:57:34.920" v="150"/>
          <ac:inkMkLst>
            <pc:docMk/>
            <pc:sldMk cId="3451113877" sldId="296"/>
            <ac:inkMk id="123" creationId="{3BE1FEA8-2FAF-C991-EAA2-561A4539DE07}"/>
          </ac:inkMkLst>
        </pc:inkChg>
        <pc:inkChg chg="add del">
          <ac:chgData name="Matias Vázquez Piñón" userId="e82d7a76-e5c2-4749-baff-1bb8c1dfc0d7" providerId="ADAL" clId="{FC50E581-9A3F-A24F-9546-F40EB98BED79}" dt="2022-08-23T17:57:25.781" v="144"/>
          <ac:inkMkLst>
            <pc:docMk/>
            <pc:sldMk cId="3451113877" sldId="296"/>
            <ac:inkMk id="124" creationId="{45BE6B42-095F-50DE-179C-B365B43992D8}"/>
          </ac:inkMkLst>
        </pc:inkChg>
        <pc:inkChg chg="add del">
          <ac:chgData name="Matias Vázquez Piñón" userId="e82d7a76-e5c2-4749-baff-1bb8c1dfc0d7" providerId="ADAL" clId="{FC50E581-9A3F-A24F-9546-F40EB98BED79}" dt="2022-08-23T17:57:24.240" v="143"/>
          <ac:inkMkLst>
            <pc:docMk/>
            <pc:sldMk cId="3451113877" sldId="296"/>
            <ac:inkMk id="125" creationId="{62070B1F-EC7C-D6E6-1F87-E2EC87DD34ED}"/>
          </ac:inkMkLst>
        </pc:inkChg>
        <pc:inkChg chg="add del">
          <ac:chgData name="Matias Vázquez Piñón" userId="e82d7a76-e5c2-4749-baff-1bb8c1dfc0d7" providerId="ADAL" clId="{FC50E581-9A3F-A24F-9546-F40EB98BED79}" dt="2022-08-23T17:57:24.240" v="143"/>
          <ac:inkMkLst>
            <pc:docMk/>
            <pc:sldMk cId="3451113877" sldId="296"/>
            <ac:inkMk id="126" creationId="{401920C1-CECA-DB65-A8F7-A1BF0578AAB6}"/>
          </ac:inkMkLst>
        </pc:inkChg>
        <pc:inkChg chg="add del reco">
          <ac:chgData name="Matias Vázquez Piñón" userId="e82d7a76-e5c2-4749-baff-1bb8c1dfc0d7" providerId="ADAL" clId="{FC50E581-9A3F-A24F-9546-F40EB98BED79}" dt="2022-08-23T17:57:34.929" v="153"/>
          <ac:inkMkLst>
            <pc:docMk/>
            <pc:sldMk cId="3451113877" sldId="296"/>
            <ac:inkMk id="127" creationId="{44D4FF6D-7240-14D2-1B1B-337962686DB2}"/>
          </ac:inkMkLst>
        </pc:inkChg>
        <pc:inkChg chg="add del">
          <ac:chgData name="Matias Vázquez Piñón" userId="e82d7a76-e5c2-4749-baff-1bb8c1dfc0d7" providerId="ADAL" clId="{FC50E581-9A3F-A24F-9546-F40EB98BED79}" dt="2022-08-23T17:57:29.089" v="147"/>
          <ac:inkMkLst>
            <pc:docMk/>
            <pc:sldMk cId="3451113877" sldId="296"/>
            <ac:inkMk id="128" creationId="{BCE877E8-327D-9A93-1A37-233AD1CA48C3}"/>
          </ac:inkMkLst>
        </pc:inkChg>
        <pc:inkChg chg="add del">
          <ac:chgData name="Matias Vázquez Piñón" userId="e82d7a76-e5c2-4749-baff-1bb8c1dfc0d7" providerId="ADAL" clId="{FC50E581-9A3F-A24F-9546-F40EB98BED79}" dt="2022-08-23T17:57:29.089" v="147"/>
          <ac:inkMkLst>
            <pc:docMk/>
            <pc:sldMk cId="3451113877" sldId="296"/>
            <ac:inkMk id="129" creationId="{94F634A2-7E6F-6DD9-3985-7958AD71C2F6}"/>
          </ac:inkMkLst>
        </pc:inkChg>
        <pc:inkChg chg="add del reco">
          <ac:chgData name="Matias Vázquez Piñón" userId="e82d7a76-e5c2-4749-baff-1bb8c1dfc0d7" providerId="ADAL" clId="{FC50E581-9A3F-A24F-9546-F40EB98BED79}" dt="2022-08-23T17:57:34.911" v="148"/>
          <ac:inkMkLst>
            <pc:docMk/>
            <pc:sldMk cId="3451113877" sldId="296"/>
            <ac:inkMk id="130" creationId="{164DFF6B-6505-7E29-C9C1-4980EC3072C0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1" creationId="{73289F0B-FCB0-DD45-9959-831717E326C0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2" creationId="{3CDDB5DE-6E93-D2E0-743F-71A0D893C583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3" creationId="{682A15F0-8204-75E2-3603-5C84A6ED3CA4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4" creationId="{E1002747-08F8-6310-5DF2-5C97E1DC35F9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5" creationId="{982CAB00-7065-1D23-AB71-AC1D949F3F4B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6" creationId="{2FCEF3EC-267F-B2ED-0AC7-AB57295060BB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7" creationId="{5F46BE86-9DD2-5C32-C3A5-CB4EE57F6983}"/>
          </ac:inkMkLst>
        </pc:inkChg>
        <pc:inkChg chg="add del">
          <ac:chgData name="Matias Vázquez Piñón" userId="e82d7a76-e5c2-4749-baff-1bb8c1dfc0d7" providerId="ADAL" clId="{FC50E581-9A3F-A24F-9546-F40EB98BED79}" dt="2022-08-23T17:57:42.504" v="162"/>
          <ac:inkMkLst>
            <pc:docMk/>
            <pc:sldMk cId="3451113877" sldId="296"/>
            <ac:inkMk id="138" creationId="{6EB0EF24-75C5-3A06-817D-34ABD4DF5226}"/>
          </ac:inkMkLst>
        </pc:inkChg>
        <pc:inkChg chg="add del reco">
          <ac:chgData name="Matias Vázquez Piñón" userId="e82d7a76-e5c2-4749-baff-1bb8c1dfc0d7" providerId="ADAL" clId="{FC50E581-9A3F-A24F-9546-F40EB98BED79}" dt="2022-08-23T17:57:47.167" v="163"/>
          <ac:inkMkLst>
            <pc:docMk/>
            <pc:sldMk cId="3451113877" sldId="296"/>
            <ac:inkMk id="139" creationId="{58979D12-533D-6310-5110-C6091041BF73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0" creationId="{0513C3FB-ACAE-9DEC-46BC-A01058A7D299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1" creationId="{0271AF18-5754-2F83-1C7E-0768C3E26524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2" creationId="{7F4FB9F8-6BCA-462B-B23E-6178E388BA8B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3" creationId="{376340C5-C672-16CF-B8CA-850A565C9CF9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4" creationId="{83DD23D1-505C-91F5-2C83-09C181715250}"/>
          </ac:inkMkLst>
        </pc:inkChg>
        <pc:inkChg chg="add del">
          <ac:chgData name="Matias Vázquez Piñón" userId="e82d7a76-e5c2-4749-baff-1bb8c1dfc0d7" providerId="ADAL" clId="{FC50E581-9A3F-A24F-9546-F40EB98BED79}" dt="2022-08-23T17:58:01.530" v="170"/>
          <ac:inkMkLst>
            <pc:docMk/>
            <pc:sldMk cId="3451113877" sldId="296"/>
            <ac:inkMk id="145" creationId="{0FE589C5-C3E7-7085-4A9F-DCAA1C69D3C8}"/>
          </ac:inkMkLst>
        </pc:inkChg>
        <pc:inkChg chg="add del reco">
          <ac:chgData name="Matias Vázquez Piñón" userId="e82d7a76-e5c2-4749-baff-1bb8c1dfc0d7" providerId="ADAL" clId="{FC50E581-9A3F-A24F-9546-F40EB98BED79}" dt="2022-08-23T17:58:03.014" v="171"/>
          <ac:inkMkLst>
            <pc:docMk/>
            <pc:sldMk cId="3451113877" sldId="296"/>
            <ac:inkMk id="146" creationId="{862BB866-4248-9937-F4E7-0CBAF6CC1714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47" creationId="{BDBC6B10-7D5C-E7EB-6FE8-258740107A31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48" creationId="{87A894B3-1051-C0BD-6D9E-7C1991115C6A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49" creationId="{C6FEC217-9032-97FA-4084-A1BC043114AB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0" creationId="{F3EACEA0-0D46-6CAA-8565-E3F2647B79B8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1" creationId="{4ADE8E5E-0AC6-07C5-CEFA-C774E333CFCD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2" creationId="{C1D49196-78C1-C4DE-AFA9-5B0581F0E3A5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3" creationId="{8F6F00FC-0E48-F9FC-F975-6079DD4B8AF2}"/>
          </ac:inkMkLst>
        </pc:inkChg>
        <pc:inkChg chg="add del">
          <ac:chgData name="Matias Vázquez Piñón" userId="e82d7a76-e5c2-4749-baff-1bb8c1dfc0d7" providerId="ADAL" clId="{FC50E581-9A3F-A24F-9546-F40EB98BED79}" dt="2022-08-23T17:58:10.748" v="180"/>
          <ac:inkMkLst>
            <pc:docMk/>
            <pc:sldMk cId="3451113877" sldId="296"/>
            <ac:inkMk id="154" creationId="{CEEF30C9-7A85-7E57-3E45-F4DF30078ACA}"/>
          </ac:inkMkLst>
        </pc:inkChg>
        <pc:inkChg chg="add del reco">
          <ac:chgData name="Matias Vázquez Piñón" userId="e82d7a76-e5c2-4749-baff-1bb8c1dfc0d7" providerId="ADAL" clId="{FC50E581-9A3F-A24F-9546-F40EB98BED79}" dt="2022-08-23T17:58:39.562" v="201"/>
          <ac:inkMkLst>
            <pc:docMk/>
            <pc:sldMk cId="3451113877" sldId="296"/>
            <ac:inkMk id="155" creationId="{CED563A3-2270-14F9-74FE-5378AFD03A50}"/>
          </ac:inkMkLst>
        </pc:inkChg>
        <pc:inkChg chg="add del">
          <ac:chgData name="Matias Vázquez Piñón" userId="e82d7a76-e5c2-4749-baff-1bb8c1dfc0d7" providerId="ADAL" clId="{FC50E581-9A3F-A24F-9546-F40EB98BED79}" dt="2022-08-23T17:58:16.485" v="183"/>
          <ac:inkMkLst>
            <pc:docMk/>
            <pc:sldMk cId="3451113877" sldId="296"/>
            <ac:inkMk id="156" creationId="{2EDBE1DF-EEDF-1096-CB4D-821913EC92B1}"/>
          </ac:inkMkLst>
        </pc:inkChg>
        <pc:inkChg chg="add del">
          <ac:chgData name="Matias Vázquez Piñón" userId="e82d7a76-e5c2-4749-baff-1bb8c1dfc0d7" providerId="ADAL" clId="{FC50E581-9A3F-A24F-9546-F40EB98BED79}" dt="2022-08-23T17:58:16.485" v="183"/>
          <ac:inkMkLst>
            <pc:docMk/>
            <pc:sldMk cId="3451113877" sldId="296"/>
            <ac:inkMk id="157" creationId="{BDCB15CE-5E2C-405B-8DCE-11F1D348A9F3}"/>
          </ac:inkMkLst>
        </pc:inkChg>
        <pc:inkChg chg="add del reco">
          <ac:chgData name="Matias Vázquez Piñón" userId="e82d7a76-e5c2-4749-baff-1bb8c1dfc0d7" providerId="ADAL" clId="{FC50E581-9A3F-A24F-9546-F40EB98BED79}" dt="2022-08-23T17:58:39.558" v="200"/>
          <ac:inkMkLst>
            <pc:docMk/>
            <pc:sldMk cId="3451113877" sldId="296"/>
            <ac:inkMk id="158" creationId="{D79F0AE6-F8EE-95A5-F8C9-7118F7C2925F}"/>
          </ac:inkMkLst>
        </pc:inkChg>
        <pc:inkChg chg="add del">
          <ac:chgData name="Matias Vázquez Piñón" userId="e82d7a76-e5c2-4749-baff-1bb8c1dfc0d7" providerId="ADAL" clId="{FC50E581-9A3F-A24F-9546-F40EB98BED79}" dt="2022-08-23T17:58:20.113" v="187"/>
          <ac:inkMkLst>
            <pc:docMk/>
            <pc:sldMk cId="3451113877" sldId="296"/>
            <ac:inkMk id="159" creationId="{C48CCD2E-A909-3D02-AAB8-A4E7190D87E6}"/>
          </ac:inkMkLst>
        </pc:inkChg>
        <pc:inkChg chg="add del">
          <ac:chgData name="Matias Vázquez Piñón" userId="e82d7a76-e5c2-4749-baff-1bb8c1dfc0d7" providerId="ADAL" clId="{FC50E581-9A3F-A24F-9546-F40EB98BED79}" dt="2022-08-23T17:58:20.113" v="187"/>
          <ac:inkMkLst>
            <pc:docMk/>
            <pc:sldMk cId="3451113877" sldId="296"/>
            <ac:inkMk id="160" creationId="{695EFE30-5A0A-CC9A-7577-2B80EF4A697E}"/>
          </ac:inkMkLst>
        </pc:inkChg>
        <pc:inkChg chg="add del">
          <ac:chgData name="Matias Vázquez Piñón" userId="e82d7a76-e5c2-4749-baff-1bb8c1dfc0d7" providerId="ADAL" clId="{FC50E581-9A3F-A24F-9546-F40EB98BED79}" dt="2022-08-23T17:58:20.113" v="187"/>
          <ac:inkMkLst>
            <pc:docMk/>
            <pc:sldMk cId="3451113877" sldId="296"/>
            <ac:inkMk id="161" creationId="{12765936-1A04-DD4B-92A4-588659E995EF}"/>
          </ac:inkMkLst>
        </pc:inkChg>
        <pc:inkChg chg="add del reco">
          <ac:chgData name="Matias Vázquez Piñón" userId="e82d7a76-e5c2-4749-baff-1bb8c1dfc0d7" providerId="ADAL" clId="{FC50E581-9A3F-A24F-9546-F40EB98BED79}" dt="2022-08-23T17:58:39.574" v="206"/>
          <ac:inkMkLst>
            <pc:docMk/>
            <pc:sldMk cId="3451113877" sldId="296"/>
            <ac:inkMk id="162" creationId="{844B20BE-4B1F-05BF-CEDC-8445CB5436E0}"/>
          </ac:inkMkLst>
        </pc:inkChg>
        <pc:inkChg chg="add del">
          <ac:chgData name="Matias Vázquez Piñón" userId="e82d7a76-e5c2-4749-baff-1bb8c1dfc0d7" providerId="ADAL" clId="{FC50E581-9A3F-A24F-9546-F40EB98BED79}" dt="2022-08-23T17:58:25.299" v="192"/>
          <ac:inkMkLst>
            <pc:docMk/>
            <pc:sldMk cId="3451113877" sldId="296"/>
            <ac:inkMk id="163" creationId="{A84532A1-A6B4-6898-C1AB-1E16BBA5D259}"/>
          </ac:inkMkLst>
        </pc:inkChg>
        <pc:inkChg chg="add del">
          <ac:chgData name="Matias Vázquez Piñón" userId="e82d7a76-e5c2-4749-baff-1bb8c1dfc0d7" providerId="ADAL" clId="{FC50E581-9A3F-A24F-9546-F40EB98BED79}" dt="2022-08-23T17:58:25.299" v="192"/>
          <ac:inkMkLst>
            <pc:docMk/>
            <pc:sldMk cId="3451113877" sldId="296"/>
            <ac:inkMk id="164" creationId="{2D639CB9-AB11-AFFE-A743-F97526BB34E5}"/>
          </ac:inkMkLst>
        </pc:inkChg>
        <pc:inkChg chg="add del">
          <ac:chgData name="Matias Vázquez Piñón" userId="e82d7a76-e5c2-4749-baff-1bb8c1dfc0d7" providerId="ADAL" clId="{FC50E581-9A3F-A24F-9546-F40EB98BED79}" dt="2022-08-23T17:58:25.299" v="192"/>
          <ac:inkMkLst>
            <pc:docMk/>
            <pc:sldMk cId="3451113877" sldId="296"/>
            <ac:inkMk id="165" creationId="{11D87D5F-1BFD-5744-7A1D-68F058FF3CCA}"/>
          </ac:inkMkLst>
        </pc:inkChg>
        <pc:inkChg chg="add del">
          <ac:chgData name="Matias Vázquez Piñón" userId="e82d7a76-e5c2-4749-baff-1bb8c1dfc0d7" providerId="ADAL" clId="{FC50E581-9A3F-A24F-9546-F40EB98BED79}" dt="2022-08-23T17:58:25.299" v="192"/>
          <ac:inkMkLst>
            <pc:docMk/>
            <pc:sldMk cId="3451113877" sldId="296"/>
            <ac:inkMk id="166" creationId="{B4628154-7A37-3C94-2EF2-4CBB451FA1F4}"/>
          </ac:inkMkLst>
        </pc:inkChg>
        <pc:inkChg chg="add del reco">
          <ac:chgData name="Matias Vázquez Piñón" userId="e82d7a76-e5c2-4749-baff-1bb8c1dfc0d7" providerId="ADAL" clId="{FC50E581-9A3F-A24F-9546-F40EB98BED79}" dt="2022-08-23T17:58:39.567" v="203"/>
          <ac:inkMkLst>
            <pc:docMk/>
            <pc:sldMk cId="3451113877" sldId="296"/>
            <ac:inkMk id="167" creationId="{CDD65500-7553-9470-3358-344CB49FE772}"/>
          </ac:inkMkLst>
        </pc:inkChg>
        <pc:inkChg chg="add del">
          <ac:chgData name="Matias Vázquez Piñón" userId="e82d7a76-e5c2-4749-baff-1bb8c1dfc0d7" providerId="ADAL" clId="{FC50E581-9A3F-A24F-9546-F40EB98BED79}" dt="2022-08-23T17:58:27.804" v="195"/>
          <ac:inkMkLst>
            <pc:docMk/>
            <pc:sldMk cId="3451113877" sldId="296"/>
            <ac:inkMk id="168" creationId="{06E2CFFF-E11E-9278-A084-0D23244FAB5D}"/>
          </ac:inkMkLst>
        </pc:inkChg>
        <pc:inkChg chg="add del">
          <ac:chgData name="Matias Vázquez Piñón" userId="e82d7a76-e5c2-4749-baff-1bb8c1dfc0d7" providerId="ADAL" clId="{FC50E581-9A3F-A24F-9546-F40EB98BED79}" dt="2022-08-23T17:58:27.804" v="195"/>
          <ac:inkMkLst>
            <pc:docMk/>
            <pc:sldMk cId="3451113877" sldId="296"/>
            <ac:inkMk id="169" creationId="{68CE14AB-9718-1743-F944-4B4498AE59E4}"/>
          </ac:inkMkLst>
        </pc:inkChg>
        <pc:inkChg chg="add del reco">
          <ac:chgData name="Matias Vázquez Piñón" userId="e82d7a76-e5c2-4749-baff-1bb8c1dfc0d7" providerId="ADAL" clId="{FC50E581-9A3F-A24F-9546-F40EB98BED79}" dt="2022-08-23T17:58:39.572" v="205"/>
          <ac:inkMkLst>
            <pc:docMk/>
            <pc:sldMk cId="3451113877" sldId="296"/>
            <ac:inkMk id="170" creationId="{CBA0771B-1027-BD81-797E-24B1AD572A1F}"/>
          </ac:inkMkLst>
        </pc:inkChg>
        <pc:inkChg chg="add del">
          <ac:chgData name="Matias Vázquez Piñón" userId="e82d7a76-e5c2-4749-baff-1bb8c1dfc0d7" providerId="ADAL" clId="{FC50E581-9A3F-A24F-9546-F40EB98BED79}" dt="2022-08-23T17:58:30.052" v="198"/>
          <ac:inkMkLst>
            <pc:docMk/>
            <pc:sldMk cId="3451113877" sldId="296"/>
            <ac:inkMk id="171" creationId="{B80A6103-75AB-DAFF-3AFD-AD3AFEF52A8B}"/>
          </ac:inkMkLst>
        </pc:inkChg>
        <pc:inkChg chg="add del">
          <ac:chgData name="Matias Vázquez Piñón" userId="e82d7a76-e5c2-4749-baff-1bb8c1dfc0d7" providerId="ADAL" clId="{FC50E581-9A3F-A24F-9546-F40EB98BED79}" dt="2022-08-23T17:58:30.052" v="198"/>
          <ac:inkMkLst>
            <pc:docMk/>
            <pc:sldMk cId="3451113877" sldId="296"/>
            <ac:inkMk id="172" creationId="{69A6DCC3-1445-3859-7E34-A9CA77A4EA55}"/>
          </ac:inkMkLst>
        </pc:inkChg>
        <pc:inkChg chg="add del reco">
          <ac:chgData name="Matias Vázquez Piñón" userId="e82d7a76-e5c2-4749-baff-1bb8c1dfc0d7" providerId="ADAL" clId="{FC50E581-9A3F-A24F-9546-F40EB98BED79}" dt="2022-08-23T17:58:39.569" v="204"/>
          <ac:inkMkLst>
            <pc:docMk/>
            <pc:sldMk cId="3451113877" sldId="296"/>
            <ac:inkMk id="173" creationId="{03C74396-54DF-13FD-CA7A-A240495758A4}"/>
          </ac:inkMkLst>
        </pc:inkChg>
        <pc:inkChg chg="add del">
          <ac:chgData name="Matias Vázquez Piñón" userId="e82d7a76-e5c2-4749-baff-1bb8c1dfc0d7" providerId="ADAL" clId="{FC50E581-9A3F-A24F-9546-F40EB98BED79}" dt="2022-08-23T17:58:39.564" v="202"/>
          <ac:inkMkLst>
            <pc:docMk/>
            <pc:sldMk cId="3451113877" sldId="296"/>
            <ac:inkMk id="174" creationId="{4FAEBE9D-0201-7DFA-7B1E-988E4DA2FED8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5" creationId="{9FED0E4A-1B67-CA85-5BFD-0080AFBBC488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6" creationId="{C8F664AB-FD73-0AA2-8B07-483EA3B35B35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7" creationId="{BE445976-A4D1-61E1-83AB-931FECE6002C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8" creationId="{54E6EAC4-AD86-4957-65BE-7B19EDFEFD57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79" creationId="{031D32A5-4407-080D-B0DB-CCA59307C986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80" creationId="{02004A61-0281-2977-3805-14706D7F3556}"/>
          </ac:inkMkLst>
        </pc:inkChg>
        <pc:inkChg chg="add del">
          <ac:chgData name="Matias Vázquez Piñón" userId="e82d7a76-e5c2-4749-baff-1bb8c1dfc0d7" providerId="ADAL" clId="{FC50E581-9A3F-A24F-9546-F40EB98BED79}" dt="2022-08-23T17:58:59.639" v="214"/>
          <ac:inkMkLst>
            <pc:docMk/>
            <pc:sldMk cId="3451113877" sldId="296"/>
            <ac:inkMk id="181" creationId="{335B43A5-01D5-380E-87B0-2F3CA3F6DD08}"/>
          </ac:inkMkLst>
        </pc:inkChg>
        <pc:inkChg chg="add del reco">
          <ac:chgData name="Matias Vázquez Piñón" userId="e82d7a76-e5c2-4749-baff-1bb8c1dfc0d7" providerId="ADAL" clId="{FC50E581-9A3F-A24F-9546-F40EB98BED79}" dt="2022-08-23T18:00:10.997" v="256"/>
          <ac:inkMkLst>
            <pc:docMk/>
            <pc:sldMk cId="3451113877" sldId="296"/>
            <ac:inkMk id="182" creationId="{C8ECF790-A39C-E387-4F8E-AD33AE41E987}"/>
          </ac:inkMkLst>
        </pc:inkChg>
        <pc:inkChg chg="add del">
          <ac:chgData name="Matias Vázquez Piñón" userId="e82d7a76-e5c2-4749-baff-1bb8c1dfc0d7" providerId="ADAL" clId="{FC50E581-9A3F-A24F-9546-F40EB98BED79}" dt="2022-08-23T17:59:09.392" v="217"/>
          <ac:inkMkLst>
            <pc:docMk/>
            <pc:sldMk cId="3451113877" sldId="296"/>
            <ac:inkMk id="183" creationId="{EB3711FB-2417-FA6F-6641-708865F11A1B}"/>
          </ac:inkMkLst>
        </pc:inkChg>
        <pc:inkChg chg="add del">
          <ac:chgData name="Matias Vázquez Piñón" userId="e82d7a76-e5c2-4749-baff-1bb8c1dfc0d7" providerId="ADAL" clId="{FC50E581-9A3F-A24F-9546-F40EB98BED79}" dt="2022-08-23T17:59:09.392" v="217"/>
          <ac:inkMkLst>
            <pc:docMk/>
            <pc:sldMk cId="3451113877" sldId="296"/>
            <ac:inkMk id="184" creationId="{04AC3AF7-2C72-B0BC-547B-F0D91EB39250}"/>
          </ac:inkMkLst>
        </pc:inkChg>
        <pc:inkChg chg="add del reco">
          <ac:chgData name="Matias Vázquez Piñón" userId="e82d7a76-e5c2-4749-baff-1bb8c1dfc0d7" providerId="ADAL" clId="{FC50E581-9A3F-A24F-9546-F40EB98BED79}" dt="2022-08-23T18:00:10.998" v="257"/>
          <ac:inkMkLst>
            <pc:docMk/>
            <pc:sldMk cId="3451113877" sldId="296"/>
            <ac:inkMk id="185" creationId="{06AFB2EB-2DC1-310B-C8A4-A966305D3AAC}"/>
          </ac:inkMkLst>
        </pc:inkChg>
        <pc:inkChg chg="add del">
          <ac:chgData name="Matias Vázquez Piñón" userId="e82d7a76-e5c2-4749-baff-1bb8c1dfc0d7" providerId="ADAL" clId="{FC50E581-9A3F-A24F-9546-F40EB98BED79}" dt="2022-08-23T17:59:11.304" v="220"/>
          <ac:inkMkLst>
            <pc:docMk/>
            <pc:sldMk cId="3451113877" sldId="296"/>
            <ac:inkMk id="186" creationId="{384946E8-5471-59A3-D9E3-BE6D7C450182}"/>
          </ac:inkMkLst>
        </pc:inkChg>
        <pc:inkChg chg="add del">
          <ac:chgData name="Matias Vázquez Piñón" userId="e82d7a76-e5c2-4749-baff-1bb8c1dfc0d7" providerId="ADAL" clId="{FC50E581-9A3F-A24F-9546-F40EB98BED79}" dt="2022-08-23T17:59:11.304" v="220"/>
          <ac:inkMkLst>
            <pc:docMk/>
            <pc:sldMk cId="3451113877" sldId="296"/>
            <ac:inkMk id="187" creationId="{C4D96AD4-5FFF-283C-9F25-43B3846537A4}"/>
          </ac:inkMkLst>
        </pc:inkChg>
        <pc:inkChg chg="add del reco">
          <ac:chgData name="Matias Vázquez Piñón" userId="e82d7a76-e5c2-4749-baff-1bb8c1dfc0d7" providerId="ADAL" clId="{FC50E581-9A3F-A24F-9546-F40EB98BED79}" dt="2022-08-23T18:00:10.994" v="255"/>
          <ac:inkMkLst>
            <pc:docMk/>
            <pc:sldMk cId="3451113877" sldId="296"/>
            <ac:inkMk id="188" creationId="{7EE75F01-D60E-2AB1-781C-2245D12FBE6A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89" creationId="{DA1488C7-AC73-A58C-9BB4-7BBF4C1F8F05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90" creationId="{273AB1E8-BEEA-230E-CB0A-7F57DB7B8AF0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91" creationId="{226CFEA2-2FCA-7D69-32B5-BC6227CE7D78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92" creationId="{1ADAEECC-4B99-67A7-DBD2-B0EFB17AAC85}"/>
          </ac:inkMkLst>
        </pc:inkChg>
        <pc:inkChg chg="add del">
          <ac:chgData name="Matias Vázquez Piñón" userId="e82d7a76-e5c2-4749-baff-1bb8c1dfc0d7" providerId="ADAL" clId="{FC50E581-9A3F-A24F-9546-F40EB98BED79}" dt="2022-08-23T17:59:14.453" v="226"/>
          <ac:inkMkLst>
            <pc:docMk/>
            <pc:sldMk cId="3451113877" sldId="296"/>
            <ac:inkMk id="193" creationId="{75A1EDFA-9002-8C40-F71F-410B735141A6}"/>
          </ac:inkMkLst>
        </pc:inkChg>
        <pc:inkChg chg="add del reco">
          <ac:chgData name="Matias Vázquez Piñón" userId="e82d7a76-e5c2-4749-baff-1bb8c1dfc0d7" providerId="ADAL" clId="{FC50E581-9A3F-A24F-9546-F40EB98BED79}" dt="2022-08-23T18:00:10.983" v="251"/>
          <ac:inkMkLst>
            <pc:docMk/>
            <pc:sldMk cId="3451113877" sldId="296"/>
            <ac:inkMk id="194" creationId="{699F985A-B7ED-8C3C-0847-1FBAA5F8E26D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5" creationId="{DE847870-C084-1FEC-2977-DBEB68B94FAB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6" creationId="{F1C3B6A8-7CBA-FD83-9781-93836C63F398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7" creationId="{E2449E2C-613C-5A96-C571-24CFB13A22D9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8" creationId="{2F4A81C5-F641-88E4-F405-C33F2BA3A220}"/>
          </ac:inkMkLst>
        </pc:inkChg>
        <pc:inkChg chg="add del">
          <ac:chgData name="Matias Vázquez Piñón" userId="e82d7a76-e5c2-4749-baff-1bb8c1dfc0d7" providerId="ADAL" clId="{FC50E581-9A3F-A24F-9546-F40EB98BED79}" dt="2022-08-23T17:59:20.195" v="232"/>
          <ac:inkMkLst>
            <pc:docMk/>
            <pc:sldMk cId="3451113877" sldId="296"/>
            <ac:inkMk id="199" creationId="{CB9AF625-00F8-026B-F4A9-7E5B77E01161}"/>
          </ac:inkMkLst>
        </pc:inkChg>
        <pc:inkChg chg="add del reco">
          <ac:chgData name="Matias Vázquez Piñón" userId="e82d7a76-e5c2-4749-baff-1bb8c1dfc0d7" providerId="ADAL" clId="{FC50E581-9A3F-A24F-9546-F40EB98BED79}" dt="2022-08-23T18:00:10.992" v="254"/>
          <ac:inkMkLst>
            <pc:docMk/>
            <pc:sldMk cId="3451113877" sldId="296"/>
            <ac:inkMk id="200" creationId="{8328ABF7-B968-85A3-F4FE-1368E0F9E07A}"/>
          </ac:inkMkLst>
        </pc:inkChg>
        <pc:inkChg chg="add del">
          <ac:chgData name="Matias Vázquez Piñón" userId="e82d7a76-e5c2-4749-baff-1bb8c1dfc0d7" providerId="ADAL" clId="{FC50E581-9A3F-A24F-9546-F40EB98BED79}" dt="2022-08-23T17:59:23.014" v="235"/>
          <ac:inkMkLst>
            <pc:docMk/>
            <pc:sldMk cId="3451113877" sldId="296"/>
            <ac:inkMk id="201" creationId="{41E52553-2068-D9B3-C5A9-86EF396F3CFC}"/>
          </ac:inkMkLst>
        </pc:inkChg>
        <pc:inkChg chg="add del">
          <ac:chgData name="Matias Vázquez Piñón" userId="e82d7a76-e5c2-4749-baff-1bb8c1dfc0d7" providerId="ADAL" clId="{FC50E581-9A3F-A24F-9546-F40EB98BED79}" dt="2022-08-23T17:59:23.014" v="235"/>
          <ac:inkMkLst>
            <pc:docMk/>
            <pc:sldMk cId="3451113877" sldId="296"/>
            <ac:inkMk id="202" creationId="{39E24333-C4CC-3049-7BC8-135345BB1AB0}"/>
          </ac:inkMkLst>
        </pc:inkChg>
        <pc:inkChg chg="add del reco">
          <ac:chgData name="Matias Vázquez Piñón" userId="e82d7a76-e5c2-4749-baff-1bb8c1dfc0d7" providerId="ADAL" clId="{FC50E581-9A3F-A24F-9546-F40EB98BED79}" dt="2022-08-23T18:00:10.989" v="253"/>
          <ac:inkMkLst>
            <pc:docMk/>
            <pc:sldMk cId="3451113877" sldId="296"/>
            <ac:inkMk id="203" creationId="{7413DC36-BF65-FB71-EE5F-1E224EBA920F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4" creationId="{183AAFFF-F7ED-734B-DB86-D1A0F5D92CF8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5" creationId="{C30ABF00-8BC9-05AB-447B-207C4C92B2CA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6" creationId="{4ADE41DA-39FF-05EB-F03A-769E579D8400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7" creationId="{85C70C5E-7BDB-8227-848F-3E79A0463076}"/>
          </ac:inkMkLst>
        </pc:inkChg>
        <pc:inkChg chg="add del">
          <ac:chgData name="Matias Vázquez Piñón" userId="e82d7a76-e5c2-4749-baff-1bb8c1dfc0d7" providerId="ADAL" clId="{FC50E581-9A3F-A24F-9546-F40EB98BED79}" dt="2022-08-23T17:59:26.201" v="241"/>
          <ac:inkMkLst>
            <pc:docMk/>
            <pc:sldMk cId="3451113877" sldId="296"/>
            <ac:inkMk id="208" creationId="{8776B8D4-E5D8-CE8A-DE9E-2043F83A1930}"/>
          </ac:inkMkLst>
        </pc:inkChg>
        <pc:inkChg chg="add del reco">
          <ac:chgData name="Matias Vázquez Piñón" userId="e82d7a76-e5c2-4749-baff-1bb8c1dfc0d7" providerId="ADAL" clId="{FC50E581-9A3F-A24F-9546-F40EB98BED79}" dt="2022-08-23T18:00:11.003" v="259"/>
          <ac:inkMkLst>
            <pc:docMk/>
            <pc:sldMk cId="3451113877" sldId="296"/>
            <ac:inkMk id="209" creationId="{803C1295-F43A-B02A-B840-7190CD7E36BD}"/>
          </ac:inkMkLst>
        </pc:inkChg>
        <pc:inkChg chg="add del">
          <ac:chgData name="Matias Vázquez Piñón" userId="e82d7a76-e5c2-4749-baff-1bb8c1dfc0d7" providerId="ADAL" clId="{FC50E581-9A3F-A24F-9546-F40EB98BED79}" dt="2022-08-23T17:59:45.131" v="244"/>
          <ac:inkMkLst>
            <pc:docMk/>
            <pc:sldMk cId="3451113877" sldId="296"/>
            <ac:inkMk id="210" creationId="{6CB1B1A8-3498-23EC-A5DC-6BF3616804D0}"/>
          </ac:inkMkLst>
        </pc:inkChg>
        <pc:inkChg chg="add del">
          <ac:chgData name="Matias Vázquez Piñón" userId="e82d7a76-e5c2-4749-baff-1bb8c1dfc0d7" providerId="ADAL" clId="{FC50E581-9A3F-A24F-9546-F40EB98BED79}" dt="2022-08-23T17:59:45.131" v="244"/>
          <ac:inkMkLst>
            <pc:docMk/>
            <pc:sldMk cId="3451113877" sldId="296"/>
            <ac:inkMk id="211" creationId="{6749F381-AF14-93EE-47C1-1DF3B89B5327}"/>
          </ac:inkMkLst>
        </pc:inkChg>
        <pc:inkChg chg="add del reco">
          <ac:chgData name="Matias Vázquez Piñón" userId="e82d7a76-e5c2-4749-baff-1bb8c1dfc0d7" providerId="ADAL" clId="{FC50E581-9A3F-A24F-9546-F40EB98BED79}" dt="2022-08-23T18:00:10.986" v="252"/>
          <ac:inkMkLst>
            <pc:docMk/>
            <pc:sldMk cId="3451113877" sldId="296"/>
            <ac:inkMk id="212" creationId="{2432988A-B749-089B-5603-03EA021CCF62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3" creationId="{AE7EC5DA-C218-8EC6-954A-13C00B69A8AE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4" creationId="{D4600FFB-7F23-4F28-8531-2B1550BEDB8C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5" creationId="{FFDDBA15-964E-B55A-85A1-D741DCCB68DC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6" creationId="{3E9367F3-EF4D-2FA0-C97A-5EFC8EEC5426}"/>
          </ac:inkMkLst>
        </pc:inkChg>
        <pc:inkChg chg="add del">
          <ac:chgData name="Matias Vázquez Piñón" userId="e82d7a76-e5c2-4749-baff-1bb8c1dfc0d7" providerId="ADAL" clId="{FC50E581-9A3F-A24F-9546-F40EB98BED79}" dt="2022-08-23T18:00:04.100" v="250"/>
          <ac:inkMkLst>
            <pc:docMk/>
            <pc:sldMk cId="3451113877" sldId="296"/>
            <ac:inkMk id="217" creationId="{B76CF7E3-3B93-C259-6FB8-52227B90C402}"/>
          </ac:inkMkLst>
        </pc:inkChg>
        <pc:inkChg chg="add del reco">
          <ac:chgData name="Matias Vázquez Piñón" userId="e82d7a76-e5c2-4749-baff-1bb8c1dfc0d7" providerId="ADAL" clId="{FC50E581-9A3F-A24F-9546-F40EB98BED79}" dt="2022-08-23T18:00:11.001" v="258"/>
          <ac:inkMkLst>
            <pc:docMk/>
            <pc:sldMk cId="3451113877" sldId="296"/>
            <ac:inkMk id="218" creationId="{A226ACC1-3282-0BBD-862E-788DFB610140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19" creationId="{C75BAAAA-8516-C40A-FA79-7DEC081A7A77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0" creationId="{31A8E47F-A4C0-4A81-C8D1-AD7154F1D4B2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1" creationId="{7C26A6B0-B467-BB59-4871-B879614EE6DA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2" creationId="{59968EC2-3667-B4D1-C305-6EFF0D140E19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3" creationId="{6C24DE64-AB3A-ADB1-43C3-17DC5319C364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4" creationId="{D1F8F3F2-51CF-7980-0A26-23150464B1D8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5" creationId="{7D971158-0166-70BE-E494-FAF7A1C640A3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6" creationId="{89C473B0-F59F-89FB-01CD-0E31D7167877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7" creationId="{B45853CF-0773-FD9E-A0C5-3A9744AF0253}"/>
          </ac:inkMkLst>
        </pc:inkChg>
        <pc:inkChg chg="add del">
          <ac:chgData name="Matias Vázquez Piñón" userId="e82d7a76-e5c2-4749-baff-1bb8c1dfc0d7" providerId="ADAL" clId="{FC50E581-9A3F-A24F-9546-F40EB98BED79}" dt="2022-08-23T18:00:20.017" v="270"/>
          <ac:inkMkLst>
            <pc:docMk/>
            <pc:sldMk cId="3451113877" sldId="296"/>
            <ac:inkMk id="228" creationId="{AB19A613-2BAA-1DD2-657B-F1ACF8D07828}"/>
          </ac:inkMkLst>
        </pc:inkChg>
        <pc:inkChg chg="add del reco">
          <ac:chgData name="Matias Vázquez Piñón" userId="e82d7a76-e5c2-4749-baff-1bb8c1dfc0d7" providerId="ADAL" clId="{FC50E581-9A3F-A24F-9546-F40EB98BED79}" dt="2022-08-23T18:01:22.972" v="296"/>
          <ac:inkMkLst>
            <pc:docMk/>
            <pc:sldMk cId="3451113877" sldId="296"/>
            <ac:inkMk id="229" creationId="{12FE64FE-76C5-7976-6A30-C5C5078186A7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0" creationId="{AE3E8C97-81DE-FB35-F68A-B233FF9571EE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1" creationId="{1DD4FEEF-B86C-19CE-9782-AF97787F229A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2" creationId="{385847FE-A8ED-E873-2DE6-0F5C0EB49234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3" creationId="{FD5B7586-60EC-AFAC-760B-726045718D40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4" creationId="{B438B4E6-13B3-4E80-58E1-AD917B221214}"/>
          </ac:inkMkLst>
        </pc:inkChg>
        <pc:inkChg chg="add del">
          <ac:chgData name="Matias Vázquez Piñón" userId="e82d7a76-e5c2-4749-baff-1bb8c1dfc0d7" providerId="ADAL" clId="{FC50E581-9A3F-A24F-9546-F40EB98BED79}" dt="2022-08-23T18:00:32.091" v="277"/>
          <ac:inkMkLst>
            <pc:docMk/>
            <pc:sldMk cId="3451113877" sldId="296"/>
            <ac:inkMk id="235" creationId="{00C020B9-D84D-CC7E-3992-0EF0F455E44E}"/>
          </ac:inkMkLst>
        </pc:inkChg>
        <pc:inkChg chg="add del reco">
          <ac:chgData name="Matias Vázquez Piñón" userId="e82d7a76-e5c2-4749-baff-1bb8c1dfc0d7" providerId="ADAL" clId="{FC50E581-9A3F-A24F-9546-F40EB98BED79}" dt="2022-08-23T18:01:22.978" v="299"/>
          <ac:inkMkLst>
            <pc:docMk/>
            <pc:sldMk cId="3451113877" sldId="296"/>
            <ac:inkMk id="236" creationId="{A7EED802-47B5-2D87-C04A-1EF242C72086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37" creationId="{3916031E-EECA-6329-A490-72F845B3EAF1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38" creationId="{FD25C79B-01CC-404A-6C09-4F68F78AE9AA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39" creationId="{132E411C-5F63-44C8-79C6-568F6165FAF9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40" creationId="{ED29E5B5-100A-791D-E129-10FD5F2CB118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41" creationId="{C1219F29-C7F2-42CF-D477-E11000E339B0}"/>
          </ac:inkMkLst>
        </pc:inkChg>
        <pc:inkChg chg="add del">
          <ac:chgData name="Matias Vázquez Piñón" userId="e82d7a76-e5c2-4749-baff-1bb8c1dfc0d7" providerId="ADAL" clId="{FC50E581-9A3F-A24F-9546-F40EB98BED79}" dt="2022-08-23T18:00:37.774" v="284"/>
          <ac:inkMkLst>
            <pc:docMk/>
            <pc:sldMk cId="3451113877" sldId="296"/>
            <ac:inkMk id="242" creationId="{43BFFB99-D215-1DFD-B9E8-45FC2074ED79}"/>
          </ac:inkMkLst>
        </pc:inkChg>
        <pc:inkChg chg="add del reco">
          <ac:chgData name="Matias Vázquez Piñón" userId="e82d7a76-e5c2-4749-baff-1bb8c1dfc0d7" providerId="ADAL" clId="{FC50E581-9A3F-A24F-9546-F40EB98BED79}" dt="2022-08-23T18:01:22.980" v="300"/>
          <ac:inkMkLst>
            <pc:docMk/>
            <pc:sldMk cId="3451113877" sldId="296"/>
            <ac:inkMk id="243" creationId="{FF657790-A442-B12C-1171-2FA51701B469}"/>
          </ac:inkMkLst>
        </pc:inkChg>
        <pc:inkChg chg="add del reco">
          <ac:chgData name="Matias Vázquez Piñón" userId="e82d7a76-e5c2-4749-baff-1bb8c1dfc0d7" providerId="ADAL" clId="{FC50E581-9A3F-A24F-9546-F40EB98BED79}" dt="2022-08-23T18:01:22.967" v="294"/>
          <ac:inkMkLst>
            <pc:docMk/>
            <pc:sldMk cId="3451113877" sldId="296"/>
            <ac:inkMk id="244" creationId="{E6340932-C61F-B7AA-D0BD-4772977BA0BD}"/>
          </ac:inkMkLst>
        </pc:inkChg>
        <pc:inkChg chg="add del">
          <ac:chgData name="Matias Vázquez Piñón" userId="e82d7a76-e5c2-4749-baff-1bb8c1dfc0d7" providerId="ADAL" clId="{FC50E581-9A3F-A24F-9546-F40EB98BED79}" dt="2022-08-23T18:00:45.604" v="287"/>
          <ac:inkMkLst>
            <pc:docMk/>
            <pc:sldMk cId="3451113877" sldId="296"/>
            <ac:inkMk id="245" creationId="{73ACD7F2-EB55-321C-F7AA-0C4C4860D090}"/>
          </ac:inkMkLst>
        </pc:inkChg>
        <pc:inkChg chg="add del">
          <ac:chgData name="Matias Vázquez Piñón" userId="e82d7a76-e5c2-4749-baff-1bb8c1dfc0d7" providerId="ADAL" clId="{FC50E581-9A3F-A24F-9546-F40EB98BED79}" dt="2022-08-23T18:00:45.604" v="287"/>
          <ac:inkMkLst>
            <pc:docMk/>
            <pc:sldMk cId="3451113877" sldId="296"/>
            <ac:inkMk id="246" creationId="{807ADDEF-95C9-B6B5-A0C5-E90D8C97B64F}"/>
          </ac:inkMkLst>
        </pc:inkChg>
        <pc:inkChg chg="add del reco">
          <ac:chgData name="Matias Vázquez Piñón" userId="e82d7a76-e5c2-4749-baff-1bb8c1dfc0d7" providerId="ADAL" clId="{FC50E581-9A3F-A24F-9546-F40EB98BED79}" dt="2022-08-23T18:01:22.964" v="293"/>
          <ac:inkMkLst>
            <pc:docMk/>
            <pc:sldMk cId="3451113877" sldId="296"/>
            <ac:inkMk id="247" creationId="{098B024D-A276-17BF-D17A-A3B6C971B5A8}"/>
          </ac:inkMkLst>
        </pc:inkChg>
        <pc:inkChg chg="add del">
          <ac:chgData name="Matias Vázquez Piñón" userId="e82d7a76-e5c2-4749-baff-1bb8c1dfc0d7" providerId="ADAL" clId="{FC50E581-9A3F-A24F-9546-F40EB98BED79}" dt="2022-08-23T18:00:48.092" v="290"/>
          <ac:inkMkLst>
            <pc:docMk/>
            <pc:sldMk cId="3451113877" sldId="296"/>
            <ac:inkMk id="248" creationId="{99315630-EB0E-B5A1-B37B-F36CE51B4C49}"/>
          </ac:inkMkLst>
        </pc:inkChg>
        <pc:inkChg chg="add del">
          <ac:chgData name="Matias Vázquez Piñón" userId="e82d7a76-e5c2-4749-baff-1bb8c1dfc0d7" providerId="ADAL" clId="{FC50E581-9A3F-A24F-9546-F40EB98BED79}" dt="2022-08-23T18:00:48.092" v="290"/>
          <ac:inkMkLst>
            <pc:docMk/>
            <pc:sldMk cId="3451113877" sldId="296"/>
            <ac:inkMk id="249" creationId="{C49FC15E-1BFE-B962-13E7-AB1AF3920667}"/>
          </ac:inkMkLst>
        </pc:inkChg>
        <pc:inkChg chg="add del reco">
          <ac:chgData name="Matias Vázquez Piñón" userId="e82d7a76-e5c2-4749-baff-1bb8c1dfc0d7" providerId="ADAL" clId="{FC50E581-9A3F-A24F-9546-F40EB98BED79}" dt="2022-08-23T18:01:22.974" v="297"/>
          <ac:inkMkLst>
            <pc:docMk/>
            <pc:sldMk cId="3451113877" sldId="296"/>
            <ac:inkMk id="250" creationId="{60CCA525-2E77-F336-5DC4-00748DB702BD}"/>
          </ac:inkMkLst>
        </pc:inkChg>
        <pc:inkChg chg="add del">
          <ac:chgData name="Matias Vázquez Piñón" userId="e82d7a76-e5c2-4749-baff-1bb8c1dfc0d7" providerId="ADAL" clId="{FC50E581-9A3F-A24F-9546-F40EB98BED79}" dt="2022-08-23T18:01:22.976" v="298"/>
          <ac:inkMkLst>
            <pc:docMk/>
            <pc:sldMk cId="3451113877" sldId="296"/>
            <ac:inkMk id="251" creationId="{DCAE4025-857F-CA96-DCF7-2C235B3D6917}"/>
          </ac:inkMkLst>
        </pc:inkChg>
        <pc:inkChg chg="add del">
          <ac:chgData name="Matias Vázquez Piñón" userId="e82d7a76-e5c2-4749-baff-1bb8c1dfc0d7" providerId="ADAL" clId="{FC50E581-9A3F-A24F-9546-F40EB98BED79}" dt="2022-08-23T18:01:22.969" v="295"/>
          <ac:inkMkLst>
            <pc:docMk/>
            <pc:sldMk cId="3451113877" sldId="296"/>
            <ac:inkMk id="252" creationId="{6D7629AD-59E1-1B84-B88E-A21803E16DD5}"/>
          </ac:inkMkLst>
        </pc:inkChg>
      </pc:sldChg>
    </pc:docChg>
  </pc:docChgLst>
  <pc:docChgLst>
    <pc:chgData name="Matias Vázquez Piñón" userId="2f86a967-3c9c-4a39-b538-7e6c0574d83d" providerId="ADAL" clId="{C7363FE9-E6DB-44F1-8CB8-9D7415D98D29}"/>
    <pc:docChg chg="delSld modSld">
      <pc:chgData name="Matias Vázquez Piñón" userId="2f86a967-3c9c-4a39-b538-7e6c0574d83d" providerId="ADAL" clId="{C7363FE9-E6DB-44F1-8CB8-9D7415D98D29}" dt="2022-08-27T16:00:38.490" v="32" actId="20577"/>
      <pc:docMkLst>
        <pc:docMk/>
      </pc:docMkLst>
      <pc:sldChg chg="modSp mod">
        <pc:chgData name="Matias Vázquez Piñón" userId="2f86a967-3c9c-4a39-b538-7e6c0574d83d" providerId="ADAL" clId="{C7363FE9-E6DB-44F1-8CB8-9D7415D98D29}" dt="2022-08-27T16:00:09.025" v="12" actId="20577"/>
        <pc:sldMkLst>
          <pc:docMk/>
          <pc:sldMk cId="2320714135" sldId="260"/>
        </pc:sldMkLst>
        <pc:spChg chg="mod">
          <ac:chgData name="Matias Vázquez Piñón" userId="2f86a967-3c9c-4a39-b538-7e6c0574d83d" providerId="ADAL" clId="{C7363FE9-E6DB-44F1-8CB8-9D7415D98D29}" dt="2022-08-27T16:00:09.025" v="12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2429412400" sldId="276"/>
        </pc:sldMkLst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3991215200" sldId="277"/>
        </pc:sldMkLst>
      </pc:sldChg>
      <pc:sldChg chg="modSp mod">
        <pc:chgData name="Matias Vázquez Piñón" userId="2f86a967-3c9c-4a39-b538-7e6c0574d83d" providerId="ADAL" clId="{C7363FE9-E6DB-44F1-8CB8-9D7415D98D29}" dt="2022-08-27T16:00:38.490" v="32" actId="20577"/>
        <pc:sldMkLst>
          <pc:docMk/>
          <pc:sldMk cId="486340614" sldId="278"/>
        </pc:sldMkLst>
        <pc:spChg chg="mod">
          <ac:chgData name="Matias Vázquez Piñón" userId="2f86a967-3c9c-4a39-b538-7e6c0574d83d" providerId="ADAL" clId="{C7363FE9-E6DB-44F1-8CB8-9D7415D98D29}" dt="2022-08-27T16:00:38.490" v="32" actId="20577"/>
          <ac:spMkLst>
            <pc:docMk/>
            <pc:sldMk cId="486340614" sldId="278"/>
            <ac:spMk id="2" creationId="{5FB5D724-7A69-F201-D7A3-2751D2E6CEC0}"/>
          </ac:spMkLst>
        </pc:spChg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2070219909" sldId="279"/>
        </pc:sldMkLst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391587271" sldId="284"/>
        </pc:sldMkLst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1738378546" sldId="287"/>
        </pc:sldMkLst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3182323920" sldId="289"/>
        </pc:sldMkLst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3631674483" sldId="293"/>
        </pc:sldMkLst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1206942906" sldId="294"/>
        </pc:sldMkLst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3498450437" sldId="295"/>
        </pc:sldMkLst>
      </pc:sldChg>
      <pc:sldChg chg="del">
        <pc:chgData name="Matias Vázquez Piñón" userId="2f86a967-3c9c-4a39-b538-7e6c0574d83d" providerId="ADAL" clId="{C7363FE9-E6DB-44F1-8CB8-9D7415D98D29}" dt="2022-08-27T16:00:15.877" v="13" actId="47"/>
        <pc:sldMkLst>
          <pc:docMk/>
          <pc:sldMk cId="1241804378" sldId="296"/>
        </pc:sldMkLst>
      </pc:sldChg>
    </pc:docChg>
  </pc:docChgLst>
  <pc:docChgLst>
    <pc:chgData name="Matias Vázquez Piñón" userId="2f86a967-3c9c-4a39-b538-7e6c0574d83d" providerId="ADAL" clId="{8BBDCB0A-FAE8-4C81-BE5E-0ECAE5B97C1D}"/>
    <pc:docChg chg="undo custSel addSld delSld modSld">
      <pc:chgData name="Matias Vázquez Piñón" userId="2f86a967-3c9c-4a39-b538-7e6c0574d83d" providerId="ADAL" clId="{8BBDCB0A-FAE8-4C81-BE5E-0ECAE5B97C1D}" dt="2022-08-26T15:10:20.371" v="1216" actId="790"/>
      <pc:docMkLst>
        <pc:docMk/>
      </pc:docMkLst>
      <pc:sldChg chg="addSp delSp modSp mod modClrScheme chgLayout">
        <pc:chgData name="Matias Vázquez Piñón" userId="2f86a967-3c9c-4a39-b538-7e6c0574d83d" providerId="ADAL" clId="{8BBDCB0A-FAE8-4C81-BE5E-0ECAE5B97C1D}" dt="2022-08-26T14:58:06.868" v="1125" actId="15"/>
        <pc:sldMkLst>
          <pc:docMk/>
          <pc:sldMk cId="2070219909" sldId="279"/>
        </pc:sldMkLst>
        <pc:spChg chg="mod ord">
          <ac:chgData name="Matias Vázquez Piñón" userId="2f86a967-3c9c-4a39-b538-7e6c0574d83d" providerId="ADAL" clId="{8BBDCB0A-FAE8-4C81-BE5E-0ECAE5B97C1D}" dt="2022-08-26T14:42:44.149" v="1038" actId="700"/>
          <ac:spMkLst>
            <pc:docMk/>
            <pc:sldMk cId="2070219909" sldId="279"/>
            <ac:spMk id="2" creationId="{E0FE4443-23D5-AD87-9C13-B69D3C19A67C}"/>
          </ac:spMkLst>
        </pc:spChg>
        <pc:spChg chg="mod ord">
          <ac:chgData name="Matias Vázquez Piñón" userId="2f86a967-3c9c-4a39-b538-7e6c0574d83d" providerId="ADAL" clId="{8BBDCB0A-FAE8-4C81-BE5E-0ECAE5B97C1D}" dt="2022-08-26T14:58:06.868" v="1125" actId="15"/>
          <ac:spMkLst>
            <pc:docMk/>
            <pc:sldMk cId="2070219909" sldId="279"/>
            <ac:spMk id="3" creationId="{7AE75F08-ED4F-28BA-1C57-F13CF78D6209}"/>
          </ac:spMkLst>
        </pc:spChg>
        <pc:spChg chg="mod ord">
          <ac:chgData name="Matias Vázquez Piñón" userId="2f86a967-3c9c-4a39-b538-7e6c0574d83d" providerId="ADAL" clId="{8BBDCB0A-FAE8-4C81-BE5E-0ECAE5B97C1D}" dt="2022-08-26T14:42:44.149" v="1038" actId="700"/>
          <ac:spMkLst>
            <pc:docMk/>
            <pc:sldMk cId="2070219909" sldId="279"/>
            <ac:spMk id="4" creationId="{6F436015-7CF8-711B-791B-64DF4CF39457}"/>
          </ac:spMkLst>
        </pc:spChg>
        <pc:spChg chg="add del mod ord">
          <ac:chgData name="Matias Vázquez Piñón" userId="2f86a967-3c9c-4a39-b538-7e6c0574d83d" providerId="ADAL" clId="{8BBDCB0A-FAE8-4C81-BE5E-0ECAE5B97C1D}" dt="2022-08-26T14:42:44.149" v="1038" actId="700"/>
          <ac:spMkLst>
            <pc:docMk/>
            <pc:sldMk cId="2070219909" sldId="279"/>
            <ac:spMk id="5" creationId="{FB514202-D346-27B9-8A8E-14063466AAA0}"/>
          </ac:spMkLst>
        </pc:spChg>
        <pc:spChg chg="add del mod ord">
          <ac:chgData name="Matias Vázquez Piñón" userId="2f86a967-3c9c-4a39-b538-7e6c0574d83d" providerId="ADAL" clId="{8BBDCB0A-FAE8-4C81-BE5E-0ECAE5B97C1D}" dt="2022-08-26T14:42:44.149" v="1038" actId="700"/>
          <ac:spMkLst>
            <pc:docMk/>
            <pc:sldMk cId="2070219909" sldId="279"/>
            <ac:spMk id="7" creationId="{745062DF-B53F-3270-B99A-F04679947589}"/>
          </ac:spMkLst>
        </pc:spChg>
        <pc:picChg chg="add del mod">
          <ac:chgData name="Matias Vázquez Piñón" userId="2f86a967-3c9c-4a39-b538-7e6c0574d83d" providerId="ADAL" clId="{8BBDCB0A-FAE8-4C81-BE5E-0ECAE5B97C1D}" dt="2022-08-26T14:35:19.967" v="821" actId="21"/>
          <ac:picMkLst>
            <pc:docMk/>
            <pc:sldMk cId="2070219909" sldId="279"/>
            <ac:picMk id="6" creationId="{DC458E4D-03D2-45E5-A253-19B9927B2F00}"/>
          </ac:picMkLst>
        </pc:picChg>
      </pc:sldChg>
      <pc:sldChg chg="modSp">
        <pc:chgData name="Matias Vázquez Piñón" userId="2f86a967-3c9c-4a39-b538-7e6c0574d83d" providerId="ADAL" clId="{8BBDCB0A-FAE8-4C81-BE5E-0ECAE5B97C1D}" dt="2022-08-26T12:38:57.103" v="0" actId="14100"/>
        <pc:sldMkLst>
          <pc:docMk/>
          <pc:sldMk cId="174909486" sldId="285"/>
        </pc:sldMkLst>
        <pc:picChg chg="mod">
          <ac:chgData name="Matias Vázquez Piñón" userId="2f86a967-3c9c-4a39-b538-7e6c0574d83d" providerId="ADAL" clId="{8BBDCB0A-FAE8-4C81-BE5E-0ECAE5B97C1D}" dt="2022-08-26T12:38:57.103" v="0" actId="14100"/>
          <ac:picMkLst>
            <pc:docMk/>
            <pc:sldMk cId="174909486" sldId="285"/>
            <ac:picMk id="9" creationId="{19404F77-2E9A-D7F8-63D8-2C8CFA70111D}"/>
          </ac:picMkLst>
        </pc:picChg>
      </pc:sldChg>
      <pc:sldChg chg="addSp delSp modSp new mod modClrScheme chgLayout">
        <pc:chgData name="Matias Vázquez Piñón" userId="2f86a967-3c9c-4a39-b538-7e6c0574d83d" providerId="ADAL" clId="{8BBDCB0A-FAE8-4C81-BE5E-0ECAE5B97C1D}" dt="2022-08-26T15:10:20.371" v="1216" actId="790"/>
        <pc:sldMkLst>
          <pc:docMk/>
          <pc:sldMk cId="1738378546" sldId="287"/>
        </pc:sldMkLst>
        <pc:spChg chg="del mod ord">
          <ac:chgData name="Matias Vázquez Piñón" userId="2f86a967-3c9c-4a39-b538-7e6c0574d83d" providerId="ADAL" clId="{8BBDCB0A-FAE8-4C81-BE5E-0ECAE5B97C1D}" dt="2022-08-26T15:08:22.493" v="1135" actId="700"/>
          <ac:spMkLst>
            <pc:docMk/>
            <pc:sldMk cId="1738378546" sldId="287"/>
            <ac:spMk id="2" creationId="{3AAFC9D3-49F5-C4FC-1B9B-966809B50BC4}"/>
          </ac:spMkLst>
        </pc:spChg>
        <pc:spChg chg="add del">
          <ac:chgData name="Matias Vázquez Piñón" userId="2f86a967-3c9c-4a39-b538-7e6c0574d83d" providerId="ADAL" clId="{8BBDCB0A-FAE8-4C81-BE5E-0ECAE5B97C1D}" dt="2022-08-26T15:08:22.493" v="1135" actId="700"/>
          <ac:spMkLst>
            <pc:docMk/>
            <pc:sldMk cId="1738378546" sldId="287"/>
            <ac:spMk id="3" creationId="{FC092CEC-5FA9-9DE3-ED85-D47A5C622814}"/>
          </ac:spMkLst>
        </pc:spChg>
        <pc:spChg chg="mod ord">
          <ac:chgData name="Matias Vázquez Piñón" userId="2f86a967-3c9c-4a39-b538-7e6c0574d83d" providerId="ADAL" clId="{8BBDCB0A-FAE8-4C81-BE5E-0ECAE5B97C1D}" dt="2022-08-26T15:08:22.493" v="1135" actId="700"/>
          <ac:spMkLst>
            <pc:docMk/>
            <pc:sldMk cId="1738378546" sldId="287"/>
            <ac:spMk id="4" creationId="{5E68CFC2-4CF8-A1BC-8173-393646612096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7" creationId="{284229BE-8A1D-653C-80AB-8C6F9C887DA2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8" creationId="{1D9C3902-459C-DE62-B8F2-7E20BC2F7687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9" creationId="{19A32EA0-D32A-5B2B-B5E2-8BB7B3BFAFA1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0" creationId="{289F6CAE-AA3A-073D-21FB-DC633285ED30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1" creationId="{BEFA671F-76C5-D83B-7DD5-6A0D46761380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2" creationId="{CC838EE1-1EC4-6669-9A7C-3F8245E2645D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3" creationId="{60E49F0B-7514-3003-63B9-DC1720C2C7BD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4" creationId="{9B5503A3-309D-8888-9D76-48DB35505062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5" creationId="{865C5767-0D3E-1CB7-9AE1-E78A637EE5D8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6" creationId="{DB630975-1514-4DE9-4DAA-5E2148B9B97D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7" creationId="{DB9C5203-2504-CF78-E79F-13228C143D0C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8" creationId="{844A2087-6C8A-112F-3E88-4BB7C99C76AF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19" creationId="{3366FABD-F6C9-7201-FB48-042B539397A6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0" creationId="{DBCE5FCD-F2E2-E08F-6B16-4829048A4237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1" creationId="{0162C3F6-08CA-963E-A276-ABB2867E3943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2" creationId="{70C8753A-8CBE-D62D-2A9B-C25A96DCD6D0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3" creationId="{951934CF-D54D-B851-78F2-9D3E9D03FC28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4" creationId="{67F7F9F8-5610-2904-0538-CB1DB5C016E8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5" creationId="{A4FB81BE-A214-BB5D-042B-7132D9B69125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6" creationId="{124DAEFB-6892-1738-ABE7-70BDCAE80D3C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7" creationId="{D6893A6A-F509-6A48-FCC7-EA72060BA0BA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8" creationId="{1F2AF58D-74EA-3F85-DF37-E458AF58B4CD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29" creationId="{0D7FB8E9-16AE-CC27-013B-18B584B9525C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0" creationId="{1F11E1C8-F0BA-730F-8D3E-B603BBAD6A64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1" creationId="{60272648-872D-C702-575F-494D00546209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2" creationId="{A064642D-2579-961B-BBDE-740F439F31C7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3" creationId="{8355BA5A-73A3-BA8B-ED01-EA036346AFC8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4" creationId="{3058A313-C67E-C009-BB4F-54EFF41677EC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5" creationId="{917319A4-D6E5-5B4A-DA13-E298666400F1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6" creationId="{17EA9109-436E-C908-79D4-04A0D6B017FC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7" creationId="{A347DB21-439C-FC08-04EC-BC84B3409839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8" creationId="{30F42C63-8632-2B00-4485-49456FB35268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39" creationId="{8776235C-814C-456F-30E8-3FA306DC73B8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40" creationId="{6DB384F1-B7B7-2BFB-A8CE-AE67569E6F1A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41" creationId="{C87B8834-BCE9-E12F-4E79-7F146FC84FF5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42" creationId="{22BECCB3-E1BB-E88C-D682-48B0D43F7307}"/>
          </ac:spMkLst>
        </pc:spChg>
        <pc:spChg chg="mod">
          <ac:chgData name="Matias Vázquez Piñón" userId="2f86a967-3c9c-4a39-b538-7e6c0574d83d" providerId="ADAL" clId="{8BBDCB0A-FAE8-4C81-BE5E-0ECAE5B97C1D}" dt="2022-08-26T15:07:43.266" v="1128"/>
          <ac:spMkLst>
            <pc:docMk/>
            <pc:sldMk cId="1738378546" sldId="287"/>
            <ac:spMk id="43" creationId="{E8FC2A82-84EF-ECB1-330F-65A7AA80C837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45" creationId="{87AF11A0-DF3D-6818-EC3E-2D9A1729FD9B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46" creationId="{F90E0D8D-0291-78EA-A18B-D733129A3092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47" creationId="{CF0F343B-5490-E1A4-F783-141DCCE4B653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48" creationId="{39447671-7ABA-4977-1043-31981EDCAC4C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49" creationId="{F0D3D733-F300-282D-6A91-C3C4AC5A7641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0" creationId="{203FA42B-219C-8F6C-2DDA-59749D69EE85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1" creationId="{1C695ECF-6A25-4564-3AD2-E9BF8C279888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2" creationId="{C2ED863C-BBB4-EC2F-BCBA-A86866D17C1A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3" creationId="{0240E4A8-88B4-6CD4-BB8D-90D8E2135F50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4" creationId="{3DAF6290-C632-F969-1AA9-3A808B7771D0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5" creationId="{E0229488-B93C-8632-BB18-5CA343A41DCD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6" creationId="{1D27F324-4C62-AD74-D6E9-084F3B462156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7" creationId="{8B1D0746-2D09-A005-FD96-3A7D965FEBF8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8" creationId="{5CD63D4F-6F14-7F92-B1A6-2CE71E50938E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59" creationId="{F08AF499-7937-5CB0-F7F3-F5723158AA21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0" creationId="{D42222DC-5982-0450-3688-CEDE0E417B73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1" creationId="{9794E5C5-E27B-535A-E7C6-E4DDA951596A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2" creationId="{4F9D66BF-4F2B-CE46-A7B5-EB94F6500ED3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3" creationId="{5FA1C21A-DFD3-1179-89E1-32A47D6B4476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4" creationId="{A2688190-A976-818F-BAD2-96330CB03723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5" creationId="{DB60DCBC-E1F3-E216-C0DD-95102D077F33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6" creationId="{74EB9E55-30F0-D4DB-1B7E-0211CE43EB70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7" creationId="{EC3E84C2-07CC-09EC-75D5-D8CAADC8B67D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8" creationId="{FF9F061F-781F-34B3-6A58-BC4BC0020ED3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69" creationId="{13D6D7DA-8B0F-C223-16D1-F26871E92F42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0" creationId="{3169BAC2-EB55-5202-E411-31D62DBC787E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1" creationId="{D8E63844-77ED-F78D-4159-E0FB22D9B333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2" creationId="{5E38018F-026E-350B-D2E3-1AF1C52E5E1C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3" creationId="{EF833357-EBBA-0258-DF18-BACA72150C1F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4" creationId="{2B44C331-394F-B1E6-B557-EB36BC2BB169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5" creationId="{5464136E-86CB-2D10-9ECB-F8AE3DB48114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6" creationId="{3530C79E-E1E4-1AA3-8723-7FFE3606EA94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7" creationId="{7AA43A7A-2C8E-8A5E-89FC-350D38AEAE78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8" creationId="{7F1C67B5-7B3A-F334-2D4D-49045E59D8CA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79" creationId="{5799F6F2-B4B0-CB3C-65AD-8718D084453A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80" creationId="{2DE84B81-D12A-91BF-4F13-D5043674DCA7}"/>
          </ac:spMkLst>
        </pc:spChg>
        <pc:spChg chg="mod">
          <ac:chgData name="Matias Vázquez Piñón" userId="2f86a967-3c9c-4a39-b538-7e6c0574d83d" providerId="ADAL" clId="{8BBDCB0A-FAE8-4C81-BE5E-0ECAE5B97C1D}" dt="2022-08-26T15:07:54.168" v="1130"/>
          <ac:spMkLst>
            <pc:docMk/>
            <pc:sldMk cId="1738378546" sldId="287"/>
            <ac:spMk id="81" creationId="{32310CD1-1732-778C-AED3-741B4FFE4A70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83" creationId="{DC530E3B-0137-E732-CF27-2552C7F05C63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84" creationId="{6B99A246-B68E-8597-B84A-7E3956948D98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85" creationId="{3AF25405-7DC9-C5B1-95DA-59F00C147A87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86" creationId="{472D3B55-D6DB-3C94-E321-A5F53184D90D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87" creationId="{21EE84BB-9A90-7530-5012-A044B0EF1D4C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88" creationId="{F8C51BE8-6F2D-4EFE-D5D7-2BCA9787FC6F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89" creationId="{B1F9A856-94AB-B7F0-13FF-81A8D7BC59D4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0" creationId="{D4A9E6D6-457B-F403-4DD2-7A8120361456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1" creationId="{4807CE7F-FDF6-7302-34D1-87FCDD908BFE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2" creationId="{D85B2FBA-8EAB-5AF8-FB2D-D0D356FC53FC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3" creationId="{06119760-B930-0D5A-8865-1A241CA2666A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4" creationId="{10FABF07-F9C9-A272-AFBD-174E3D0A48E9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5" creationId="{27EDB512-D41D-82FB-8870-27EF3F857D30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6" creationId="{93508308-1F71-7F43-BD28-CE08C0378D73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7" creationId="{559AF44E-8482-5A9A-BD04-356CAB2DE3E3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8" creationId="{90907374-9861-4FA6-055E-B5A9B76D204C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99" creationId="{1241E8B0-BCC9-C546-94D9-358B255A7732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100" creationId="{D7C3AE65-A76D-5BB4-14C0-4309245CC2AD}"/>
          </ac:spMkLst>
        </pc:spChg>
        <pc:spChg chg="mod">
          <ac:chgData name="Matias Vázquez Piñón" userId="2f86a967-3c9c-4a39-b538-7e6c0574d83d" providerId="ADAL" clId="{8BBDCB0A-FAE8-4C81-BE5E-0ECAE5B97C1D}" dt="2022-08-26T15:09:24.924" v="1194" actId="404"/>
          <ac:spMkLst>
            <pc:docMk/>
            <pc:sldMk cId="1738378546" sldId="287"/>
            <ac:spMk id="101" creationId="{5F52E1D3-8938-93F7-C873-D9A107BF0F51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02" creationId="{3C9DC71C-AF63-2EC2-C5ED-362FE1E5E745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03" creationId="{FAF434B1-B656-A48C-E543-7EA9E53B3596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04" creationId="{BB0F4ADE-EBEF-A26B-A27C-C991F717FD6B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05" creationId="{78555C14-027C-7B3B-58CC-70A026215526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06" creationId="{2FA5A07D-A43D-34F4-C81F-8EEC19BB4BEA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07" creationId="{A7A4FC1B-C88E-78AB-B267-3A543532DD32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08" creationId="{42CB23D5-9AF7-82E7-B078-67CE6113CFD2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09" creationId="{E5D7196D-AE31-1C69-14D5-A9B1455E5C65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10" creationId="{108DF43B-06BC-5FC5-7CB1-AE9B8B4798D5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11" creationId="{54D7E5BE-0311-A5FA-7006-7A1D08912854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12" creationId="{4DF9CF78-6351-9186-24A3-AFBB3C0E249B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13" creationId="{D7F738E7-F6D1-3040-7312-B2ECA16243C1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14" creationId="{C914C953-EDE6-FDFB-BF4F-A8940EC6C091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15" creationId="{72801815-4CBA-7519-9B86-E7BA130302A1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16" creationId="{D653B954-0DA1-1C2A-A7EF-C187A811E31D}"/>
          </ac:spMkLst>
        </pc:spChg>
        <pc:spChg chg="mod">
          <ac:chgData name="Matias Vázquez Piñón" userId="2f86a967-3c9c-4a39-b538-7e6c0574d83d" providerId="ADAL" clId="{8BBDCB0A-FAE8-4C81-BE5E-0ECAE5B97C1D}" dt="2022-08-26T15:09:48.095" v="1196" actId="404"/>
          <ac:spMkLst>
            <pc:docMk/>
            <pc:sldMk cId="1738378546" sldId="287"/>
            <ac:spMk id="117" creationId="{A50E729D-4749-3342-2F2A-41CEC85B26B7}"/>
          </ac:spMkLst>
        </pc:spChg>
        <pc:spChg chg="mod">
          <ac:chgData name="Matias Vázquez Piñón" userId="2f86a967-3c9c-4a39-b538-7e6c0574d83d" providerId="ADAL" clId="{8BBDCB0A-FAE8-4C81-BE5E-0ECAE5B97C1D}" dt="2022-08-26T15:10:20.371" v="1216" actId="790"/>
          <ac:spMkLst>
            <pc:docMk/>
            <pc:sldMk cId="1738378546" sldId="287"/>
            <ac:spMk id="118" creationId="{D38D1DFD-6ADB-E3D7-0336-14E86CBB52CB}"/>
          </ac:spMkLst>
        </pc:spChg>
        <pc:spChg chg="mod">
          <ac:chgData name="Matias Vázquez Piñón" userId="2f86a967-3c9c-4a39-b538-7e6c0574d83d" providerId="ADAL" clId="{8BBDCB0A-FAE8-4C81-BE5E-0ECAE5B97C1D}" dt="2022-08-26T15:10:15.028" v="1215" actId="790"/>
          <ac:spMkLst>
            <pc:docMk/>
            <pc:sldMk cId="1738378546" sldId="287"/>
            <ac:spMk id="119" creationId="{4C3E9782-092D-1FB1-7AB0-1F2185998B42}"/>
          </ac:spMkLst>
        </pc:spChg>
        <pc:spChg chg="add mod ord">
          <ac:chgData name="Matias Vázquez Piñón" userId="2f86a967-3c9c-4a39-b538-7e6c0574d83d" providerId="ADAL" clId="{8BBDCB0A-FAE8-4C81-BE5E-0ECAE5B97C1D}" dt="2022-08-26T15:08:22.493" v="1135" actId="700"/>
          <ac:spMkLst>
            <pc:docMk/>
            <pc:sldMk cId="1738378546" sldId="287"/>
            <ac:spMk id="120" creationId="{A3622EBD-3157-22C6-8916-720529EA0268}"/>
          </ac:spMkLst>
        </pc:spChg>
        <pc:grpChg chg="add del mod">
          <ac:chgData name="Matias Vázquez Piñón" userId="2f86a967-3c9c-4a39-b538-7e6c0574d83d" providerId="ADAL" clId="{8BBDCB0A-FAE8-4C81-BE5E-0ECAE5B97C1D}" dt="2022-08-26T15:07:47.786" v="1129"/>
          <ac:grpSpMkLst>
            <pc:docMk/>
            <pc:sldMk cId="1738378546" sldId="287"/>
            <ac:grpSpMk id="5" creationId="{3BD7A16F-D0C2-41BA-BCD8-0DEE78648B99}"/>
          </ac:grpSpMkLst>
        </pc:grpChg>
        <pc:grpChg chg="add del mod">
          <ac:chgData name="Matias Vázquez Piñón" userId="2f86a967-3c9c-4a39-b538-7e6c0574d83d" providerId="ADAL" clId="{8BBDCB0A-FAE8-4C81-BE5E-0ECAE5B97C1D}" dt="2022-08-26T15:07:59.010" v="1132" actId="478"/>
          <ac:grpSpMkLst>
            <pc:docMk/>
            <pc:sldMk cId="1738378546" sldId="287"/>
            <ac:grpSpMk id="44" creationId="{1AD7EAFD-8C75-48B1-078A-5AAF79F0BA9B}"/>
          </ac:grpSpMkLst>
        </pc:grpChg>
        <pc:grpChg chg="add mod">
          <ac:chgData name="Matias Vázquez Piñón" userId="2f86a967-3c9c-4a39-b538-7e6c0574d83d" providerId="ADAL" clId="{8BBDCB0A-FAE8-4C81-BE5E-0ECAE5B97C1D}" dt="2022-08-26T15:08:32.866" v="1136" actId="1076"/>
          <ac:grpSpMkLst>
            <pc:docMk/>
            <pc:sldMk cId="1738378546" sldId="287"/>
            <ac:grpSpMk id="82" creationId="{38D992E5-9140-B1F8-13B6-E038416FD631}"/>
          </ac:grpSpMkLst>
        </pc:grpChg>
        <pc:picChg chg="add del mod">
          <ac:chgData name="Matias Vázquez Piñón" userId="2f86a967-3c9c-4a39-b538-7e6c0574d83d" providerId="ADAL" clId="{8BBDCB0A-FAE8-4C81-BE5E-0ECAE5B97C1D}" dt="2022-08-26T14:35:24.760" v="823"/>
          <ac:picMkLst>
            <pc:docMk/>
            <pc:sldMk cId="1738378546" sldId="287"/>
            <ac:picMk id="5" creationId="{093CC947-B536-FFD2-CDDC-B9CD1C12C1B1}"/>
          </ac:picMkLst>
        </pc:picChg>
        <pc:picChg chg="add del mod">
          <ac:chgData name="Matias Vázquez Piñón" userId="2f86a967-3c9c-4a39-b538-7e6c0574d83d" providerId="ADAL" clId="{8BBDCB0A-FAE8-4C81-BE5E-0ECAE5B97C1D}" dt="2022-08-26T15:07:41.932" v="1127" actId="478"/>
          <ac:picMkLst>
            <pc:docMk/>
            <pc:sldMk cId="1738378546" sldId="287"/>
            <ac:picMk id="6" creationId="{820C715F-9068-9E5F-6B70-5CA11916F6A6}"/>
          </ac:picMkLst>
        </pc:picChg>
      </pc:sldChg>
      <pc:sldChg chg="add del">
        <pc:chgData name="Matias Vázquez Piñón" userId="2f86a967-3c9c-4a39-b538-7e6c0574d83d" providerId="ADAL" clId="{8BBDCB0A-FAE8-4C81-BE5E-0ECAE5B97C1D}" dt="2022-08-26T12:41:56.848" v="19" actId="2890"/>
        <pc:sldMkLst>
          <pc:docMk/>
          <pc:sldMk cId="2723166123" sldId="287"/>
        </pc:sldMkLst>
      </pc:sldChg>
      <pc:sldChg chg="add del">
        <pc:chgData name="Matias Vázquez Piñón" userId="2f86a967-3c9c-4a39-b538-7e6c0574d83d" providerId="ADAL" clId="{8BBDCB0A-FAE8-4C81-BE5E-0ECAE5B97C1D}" dt="2022-08-26T14:35:15.726" v="819"/>
        <pc:sldMkLst>
          <pc:docMk/>
          <pc:sldMk cId="1392757270" sldId="288"/>
        </pc:sldMkLst>
      </pc:sldChg>
    </pc:docChg>
  </pc:docChgLst>
  <pc:docChgLst>
    <pc:chgData name="Matias Vázquez Piñón" userId="2f86a967-3c9c-4a39-b538-7e6c0574d83d" providerId="ADAL" clId="{214B05F5-CDC9-49A7-9890-C2F0602C8542}"/>
    <pc:docChg chg="undo custSel mod addSld delSld modSld sldOrd">
      <pc:chgData name="Matias Vázquez Piñón" userId="2f86a967-3c9c-4a39-b538-7e6c0574d83d" providerId="ADAL" clId="{214B05F5-CDC9-49A7-9890-C2F0602C8542}" dt="2022-08-23T21:43:05.709" v="5394" actId="20577"/>
      <pc:docMkLst>
        <pc:docMk/>
      </pc:docMkLst>
      <pc:sldChg chg="modSp mod">
        <pc:chgData name="Matias Vázquez Piñón" userId="2f86a967-3c9c-4a39-b538-7e6c0574d83d" providerId="ADAL" clId="{214B05F5-CDC9-49A7-9890-C2F0602C8542}" dt="2022-08-16T19:09:19.824" v="2123" actId="113"/>
        <pc:sldMkLst>
          <pc:docMk/>
          <pc:sldMk cId="1796381250" sldId="257"/>
        </pc:sldMkLst>
        <pc:spChg chg="mod">
          <ac:chgData name="Matias Vázquez Piñón" userId="2f86a967-3c9c-4a39-b538-7e6c0574d83d" providerId="ADAL" clId="{214B05F5-CDC9-49A7-9890-C2F0602C8542}" dt="2022-08-16T19:09:18.214" v="2122" actId="113"/>
          <ac:spMkLst>
            <pc:docMk/>
            <pc:sldMk cId="1796381250" sldId="257"/>
            <ac:spMk id="3" creationId="{9ABD2501-5E2C-84F8-5978-93D1F7F43359}"/>
          </ac:spMkLst>
        </pc:spChg>
        <pc:spChg chg="mod">
          <ac:chgData name="Matias Vázquez Piñón" userId="2f86a967-3c9c-4a39-b538-7e6c0574d83d" providerId="ADAL" clId="{214B05F5-CDC9-49A7-9890-C2F0602C8542}" dt="2022-08-16T19:09:19.824" v="2123" actId="113"/>
          <ac:spMkLst>
            <pc:docMk/>
            <pc:sldMk cId="1796381250" sldId="257"/>
            <ac:spMk id="7" creationId="{4B35C13A-B74F-208C-1037-FAEFA9222DBD}"/>
          </ac:spMkLst>
        </pc:spChg>
      </pc:sldChg>
      <pc:sldChg chg="del">
        <pc:chgData name="Matias Vázquez Piñón" userId="2f86a967-3c9c-4a39-b538-7e6c0574d83d" providerId="ADAL" clId="{214B05F5-CDC9-49A7-9890-C2F0602C8542}" dt="2022-08-16T15:57:48.166" v="63" actId="47"/>
        <pc:sldMkLst>
          <pc:docMk/>
          <pc:sldMk cId="1357612784" sldId="261"/>
        </pc:sldMkLst>
      </pc:sldChg>
      <pc:sldChg chg="del">
        <pc:chgData name="Matias Vázquez Piñón" userId="2f86a967-3c9c-4a39-b538-7e6c0574d83d" providerId="ADAL" clId="{214B05F5-CDC9-49A7-9890-C2F0602C8542}" dt="2022-08-16T15:57:48.166" v="63" actId="47"/>
        <pc:sldMkLst>
          <pc:docMk/>
          <pc:sldMk cId="3597724329" sldId="262"/>
        </pc:sldMkLst>
      </pc:sldChg>
      <pc:sldChg chg="addSp delSp modSp mod ord">
        <pc:chgData name="Matias Vázquez Piñón" userId="2f86a967-3c9c-4a39-b538-7e6c0574d83d" providerId="ADAL" clId="{214B05F5-CDC9-49A7-9890-C2F0602C8542}" dt="2022-08-16T21:01:20.630" v="2141" actId="478"/>
        <pc:sldMkLst>
          <pc:docMk/>
          <pc:sldMk cId="622507875" sldId="263"/>
        </pc:sldMkLst>
        <pc:spChg chg="mod">
          <ac:chgData name="Matias Vázquez Piñón" userId="2f86a967-3c9c-4a39-b538-7e6c0574d83d" providerId="ADAL" clId="{214B05F5-CDC9-49A7-9890-C2F0602C8542}" dt="2022-08-16T15:58:02.872" v="103" actId="20577"/>
          <ac:spMkLst>
            <pc:docMk/>
            <pc:sldMk cId="622507875" sldId="263"/>
            <ac:spMk id="3" creationId="{FF512E78-335F-2C1D-FB95-93A6F877663B}"/>
          </ac:spMkLst>
        </pc:spChg>
        <pc:picChg chg="mod">
          <ac:chgData name="Matias Vázquez Piñón" userId="2f86a967-3c9c-4a39-b538-7e6c0574d83d" providerId="ADAL" clId="{214B05F5-CDC9-49A7-9890-C2F0602C8542}" dt="2022-08-16T19:09:09.348" v="2121" actId="1076"/>
          <ac:picMkLst>
            <pc:docMk/>
            <pc:sldMk cId="622507875" sldId="263"/>
            <ac:picMk id="8" creationId="{E0066F59-EF26-71E5-9F11-EB9930E954CA}"/>
          </ac:picMkLst>
        </pc:picChg>
        <pc:inkChg chg="add del">
          <ac:chgData name="Matias Vázquez Piñón" userId="2f86a967-3c9c-4a39-b538-7e6c0574d83d" providerId="ADAL" clId="{214B05F5-CDC9-49A7-9890-C2F0602C8542}" dt="2022-08-16T21:01:20.630" v="2141" actId="478"/>
          <ac:inkMkLst>
            <pc:docMk/>
            <pc:sldMk cId="622507875" sldId="263"/>
            <ac:inkMk id="2" creationId="{230BF671-6799-DAE5-CFE1-6807DB130504}"/>
          </ac:inkMkLst>
        </pc:inkChg>
      </pc:sldChg>
      <pc:sldChg chg="del">
        <pc:chgData name="Matias Vázquez Piñón" userId="2f86a967-3c9c-4a39-b538-7e6c0574d83d" providerId="ADAL" clId="{214B05F5-CDC9-49A7-9890-C2F0602C8542}" dt="2022-08-16T19:11:02.131" v="2124" actId="47"/>
        <pc:sldMkLst>
          <pc:docMk/>
          <pc:sldMk cId="677354137" sldId="264"/>
        </pc:sldMkLst>
      </pc:sldChg>
      <pc:sldChg chg="modSp del mod">
        <pc:chgData name="Matias Vázquez Piñón" userId="2f86a967-3c9c-4a39-b538-7e6c0574d83d" providerId="ADAL" clId="{214B05F5-CDC9-49A7-9890-C2F0602C8542}" dt="2022-08-19T17:51:46.156" v="4675" actId="47"/>
        <pc:sldMkLst>
          <pc:docMk/>
          <pc:sldMk cId="756237579" sldId="265"/>
        </pc:sldMkLst>
        <pc:spChg chg="mod">
          <ac:chgData name="Matias Vázquez Piñón" userId="2f86a967-3c9c-4a39-b538-7e6c0574d83d" providerId="ADAL" clId="{214B05F5-CDC9-49A7-9890-C2F0602C8542}" dt="2022-08-17T18:45:58.567" v="2171" actId="20577"/>
          <ac:spMkLst>
            <pc:docMk/>
            <pc:sldMk cId="756237579" sldId="265"/>
            <ac:spMk id="2" creationId="{D4420480-7B33-E8EA-527C-5581C77C9ADB}"/>
          </ac:spMkLst>
        </pc:spChg>
      </pc:sldChg>
      <pc:sldChg chg="addSp delSp modSp mod ord">
        <pc:chgData name="Matias Vázquez Piñón" userId="2f86a967-3c9c-4a39-b538-7e6c0574d83d" providerId="ADAL" clId="{214B05F5-CDC9-49A7-9890-C2F0602C8542}" dt="2022-08-17T20:25:24.627" v="4673"/>
        <pc:sldMkLst>
          <pc:docMk/>
          <pc:sldMk cId="1944785628" sldId="266"/>
        </pc:sldMkLst>
        <pc:spChg chg="add mod">
          <ac:chgData name="Matias Vázquez Piñón" userId="2f86a967-3c9c-4a39-b538-7e6c0574d83d" providerId="ADAL" clId="{214B05F5-CDC9-49A7-9890-C2F0602C8542}" dt="2022-08-17T20:25:24.627" v="4673"/>
          <ac:spMkLst>
            <pc:docMk/>
            <pc:sldMk cId="1944785628" sldId="266"/>
            <ac:spMk id="3" creationId="{C02B4C89-50B7-C0FB-03E4-615B57911CD3}"/>
          </ac:spMkLst>
        </pc:spChg>
        <pc:spChg chg="del">
          <ac:chgData name="Matias Vázquez Piñón" userId="2f86a967-3c9c-4a39-b538-7e6c0574d83d" providerId="ADAL" clId="{214B05F5-CDC9-49A7-9890-C2F0602C8542}" dt="2022-08-17T20:25:14.531" v="4671" actId="478"/>
          <ac:spMkLst>
            <pc:docMk/>
            <pc:sldMk cId="1944785628" sldId="266"/>
            <ac:spMk id="5" creationId="{8ED65948-3C46-409B-BE4C-603156495089}"/>
          </ac:spMkLst>
        </pc:spChg>
      </pc:sldChg>
      <pc:sldChg chg="addSp delSp modSp mod ord">
        <pc:chgData name="Matias Vázquez Piñón" userId="2f86a967-3c9c-4a39-b538-7e6c0574d83d" providerId="ADAL" clId="{214B05F5-CDC9-49A7-9890-C2F0602C8542}" dt="2022-08-17T20:25:26.089" v="4674"/>
        <pc:sldMkLst>
          <pc:docMk/>
          <pc:sldMk cId="3675564955" sldId="267"/>
        </pc:sldMkLst>
        <pc:spChg chg="add mod">
          <ac:chgData name="Matias Vázquez Piñón" userId="2f86a967-3c9c-4a39-b538-7e6c0574d83d" providerId="ADAL" clId="{214B05F5-CDC9-49A7-9890-C2F0602C8542}" dt="2022-08-17T20:25:26.089" v="4674"/>
          <ac:spMkLst>
            <pc:docMk/>
            <pc:sldMk cId="3675564955" sldId="267"/>
            <ac:spMk id="3" creationId="{AABEEDF2-3645-C5F3-5BD8-BF18B54D8105}"/>
          </ac:spMkLst>
        </pc:spChg>
        <pc:spChg chg="del">
          <ac:chgData name="Matias Vázquez Piñón" userId="2f86a967-3c9c-4a39-b538-7e6c0574d83d" providerId="ADAL" clId="{214B05F5-CDC9-49A7-9890-C2F0602C8542}" dt="2022-08-17T20:25:16.716" v="4672" actId="478"/>
          <ac:spMkLst>
            <pc:docMk/>
            <pc:sldMk cId="3675564955" sldId="267"/>
            <ac:spMk id="5" creationId="{8ED65948-3C46-409B-BE4C-603156495089}"/>
          </ac:spMkLst>
        </pc:spChg>
      </pc:sldChg>
      <pc:sldChg chg="ord">
        <pc:chgData name="Matias Vázquez Piñón" userId="2f86a967-3c9c-4a39-b538-7e6c0574d83d" providerId="ADAL" clId="{214B05F5-CDC9-49A7-9890-C2F0602C8542}" dt="2022-08-19T17:54:58.603" v="4682"/>
        <pc:sldMkLst>
          <pc:docMk/>
          <pc:sldMk cId="602807936" sldId="268"/>
        </pc:sldMkLst>
      </pc:sldChg>
      <pc:sldChg chg="ord">
        <pc:chgData name="Matias Vázquez Piñón" userId="2f86a967-3c9c-4a39-b538-7e6c0574d83d" providerId="ADAL" clId="{214B05F5-CDC9-49A7-9890-C2F0602C8542}" dt="2022-08-19T17:54:08.915" v="4677"/>
        <pc:sldMkLst>
          <pc:docMk/>
          <pc:sldMk cId="3286921969" sldId="278"/>
        </pc:sldMkLst>
      </pc:sldChg>
      <pc:sldChg chg="del">
        <pc:chgData name="Matias Vázquez Piñón" userId="2f86a967-3c9c-4a39-b538-7e6c0574d83d" providerId="ADAL" clId="{214B05F5-CDC9-49A7-9890-C2F0602C8542}" dt="2022-08-19T17:54:49.010" v="4680" actId="47"/>
        <pc:sldMkLst>
          <pc:docMk/>
          <pc:sldMk cId="262411750" sldId="279"/>
        </pc:sldMkLst>
      </pc:sldChg>
      <pc:sldChg chg="addSp delSp mod">
        <pc:chgData name="Matias Vázquez Piñón" userId="2f86a967-3c9c-4a39-b538-7e6c0574d83d" providerId="ADAL" clId="{214B05F5-CDC9-49A7-9890-C2F0602C8542}" dt="2022-08-16T21:01:13.001" v="2139" actId="478"/>
        <pc:sldMkLst>
          <pc:docMk/>
          <pc:sldMk cId="2866640030" sldId="280"/>
        </pc:sldMkLst>
        <pc:inkChg chg="add del">
          <ac:chgData name="Matias Vázquez Piñón" userId="2f86a967-3c9c-4a39-b538-7e6c0574d83d" providerId="ADAL" clId="{214B05F5-CDC9-49A7-9890-C2F0602C8542}" dt="2022-08-16T21:01:13.001" v="2139" actId="478"/>
          <ac:inkMkLst>
            <pc:docMk/>
            <pc:sldMk cId="2866640030" sldId="280"/>
            <ac:inkMk id="4" creationId="{E478204C-0E5B-8A9B-1DC8-12E6BF0D27D6}"/>
          </ac:inkMkLst>
        </pc:inkChg>
      </pc:sldChg>
      <pc:sldChg chg="addSp delSp modSp mod">
        <pc:chgData name="Matias Vázquez Piñón" userId="2f86a967-3c9c-4a39-b538-7e6c0574d83d" providerId="ADAL" clId="{214B05F5-CDC9-49A7-9890-C2F0602C8542}" dt="2022-08-16T21:01:15.815" v="2140" actId="478"/>
        <pc:sldMkLst>
          <pc:docMk/>
          <pc:sldMk cId="2657048017" sldId="281"/>
        </pc:sldMkLst>
        <pc:spChg chg="mod">
          <ac:chgData name="Matias Vázquez Piñón" userId="2f86a967-3c9c-4a39-b538-7e6c0574d83d" providerId="ADAL" clId="{214B05F5-CDC9-49A7-9890-C2F0602C8542}" dt="2022-08-16T16:27:47.930" v="1559" actId="20577"/>
          <ac:spMkLst>
            <pc:docMk/>
            <pc:sldMk cId="2657048017" sldId="281"/>
            <ac:spMk id="3" creationId="{5AC65F18-17AC-A7DC-7F31-C4210AEE0E52}"/>
          </ac:spMkLst>
        </pc:spChg>
        <pc:inkChg chg="add del">
          <ac:chgData name="Matias Vázquez Piñón" userId="2f86a967-3c9c-4a39-b538-7e6c0574d83d" providerId="ADAL" clId="{214B05F5-CDC9-49A7-9890-C2F0602C8542}" dt="2022-08-16T21:01:15.815" v="2140" actId="478"/>
          <ac:inkMkLst>
            <pc:docMk/>
            <pc:sldMk cId="2657048017" sldId="281"/>
            <ac:inkMk id="4" creationId="{1F8D6F3B-EA08-733D-7F18-0361C36C281F}"/>
          </ac:inkMkLst>
        </pc:inkChg>
      </pc:sldChg>
      <pc:sldChg chg="new del">
        <pc:chgData name="Matias Vázquez Piñón" userId="2f86a967-3c9c-4a39-b538-7e6c0574d83d" providerId="ADAL" clId="{214B05F5-CDC9-49A7-9890-C2F0602C8542}" dt="2022-08-16T16:01:16.544" v="106" actId="47"/>
        <pc:sldMkLst>
          <pc:docMk/>
          <pc:sldMk cId="2605241787" sldId="282"/>
        </pc:sldMkLst>
      </pc:sldChg>
      <pc:sldChg chg="addSp delSp modSp new mod modClrScheme chgLayout">
        <pc:chgData name="Matias Vázquez Piñón" userId="2f86a967-3c9c-4a39-b538-7e6c0574d83d" providerId="ADAL" clId="{214B05F5-CDC9-49A7-9890-C2F0602C8542}" dt="2022-08-16T21:01:09.429" v="2138" actId="478"/>
        <pc:sldMkLst>
          <pc:docMk/>
          <pc:sldMk cId="2620245939" sldId="283"/>
        </pc:sldMkLst>
        <pc:spChg chg="mod ord">
          <ac:chgData name="Matias Vázquez Piñón" userId="2f86a967-3c9c-4a39-b538-7e6c0574d83d" providerId="ADAL" clId="{214B05F5-CDC9-49A7-9890-C2F0602C8542}" dt="2022-08-16T16:09:18.902" v="581" actId="700"/>
          <ac:spMkLst>
            <pc:docMk/>
            <pc:sldMk cId="2620245939" sldId="283"/>
            <ac:spMk id="2" creationId="{E670DB08-38CD-0262-E1BA-CBF3F5F8A567}"/>
          </ac:spMkLst>
        </pc:spChg>
        <pc:spChg chg="mod ord">
          <ac:chgData name="Matias Vázquez Piñón" userId="2f86a967-3c9c-4a39-b538-7e6c0574d83d" providerId="ADAL" clId="{214B05F5-CDC9-49A7-9890-C2F0602C8542}" dt="2022-08-16T18:46:58.545" v="1958" actId="27636"/>
          <ac:spMkLst>
            <pc:docMk/>
            <pc:sldMk cId="2620245939" sldId="283"/>
            <ac:spMk id="3" creationId="{C9E7587C-4AC0-2564-D612-E5143375687A}"/>
          </ac:spMkLst>
        </pc:spChg>
        <pc:spChg chg="mod ord">
          <ac:chgData name="Matias Vázquez Piñón" userId="2f86a967-3c9c-4a39-b538-7e6c0574d83d" providerId="ADAL" clId="{214B05F5-CDC9-49A7-9890-C2F0602C8542}" dt="2022-08-16T16:09:18.902" v="581" actId="700"/>
          <ac:spMkLst>
            <pc:docMk/>
            <pc:sldMk cId="2620245939" sldId="283"/>
            <ac:spMk id="4" creationId="{B462C845-A35D-C350-D210-EAFD99C109C0}"/>
          </ac:spMkLst>
        </pc:spChg>
        <pc:spChg chg="add del mod ord">
          <ac:chgData name="Matias Vázquez Piñón" userId="2f86a967-3c9c-4a39-b538-7e6c0574d83d" providerId="ADAL" clId="{214B05F5-CDC9-49A7-9890-C2F0602C8542}" dt="2022-08-16T16:09:31.565" v="582" actId="22"/>
          <ac:spMkLst>
            <pc:docMk/>
            <pc:sldMk cId="2620245939" sldId="283"/>
            <ac:spMk id="5" creationId="{6654EE5D-D0FD-1855-B139-8E421F6213D8}"/>
          </ac:spMkLst>
        </pc:spChg>
        <pc:spChg chg="add mod">
          <ac:chgData name="Matias Vázquez Piñón" userId="2f86a967-3c9c-4a39-b538-7e6c0574d83d" providerId="ADAL" clId="{214B05F5-CDC9-49A7-9890-C2F0602C8542}" dt="2022-08-16T16:34:14.610" v="1693" actId="14100"/>
          <ac:spMkLst>
            <pc:docMk/>
            <pc:sldMk cId="2620245939" sldId="283"/>
            <ac:spMk id="8" creationId="{3F4F906E-C0A2-64B0-A864-79C585107867}"/>
          </ac:spMkLst>
        </pc:spChg>
        <pc:picChg chg="add mod ord">
          <ac:chgData name="Matias Vázquez Piñón" userId="2f86a967-3c9c-4a39-b538-7e6c0574d83d" providerId="ADAL" clId="{214B05F5-CDC9-49A7-9890-C2F0602C8542}" dt="2022-08-16T16:09:31.565" v="582" actId="22"/>
          <ac:picMkLst>
            <pc:docMk/>
            <pc:sldMk cId="2620245939" sldId="283"/>
            <ac:picMk id="7" creationId="{3310BB75-9EB6-5908-B86D-22DE041A1A32}"/>
          </ac:picMkLst>
        </pc:picChg>
        <pc:picChg chg="add mod">
          <ac:chgData name="Matias Vázquez Piñón" userId="2f86a967-3c9c-4a39-b538-7e6c0574d83d" providerId="ADAL" clId="{214B05F5-CDC9-49A7-9890-C2F0602C8542}" dt="2022-08-16T18:47:05.035" v="1959" actId="1076"/>
          <ac:picMkLst>
            <pc:docMk/>
            <pc:sldMk cId="2620245939" sldId="283"/>
            <ac:picMk id="10" creationId="{917B529B-4060-C68C-0BCA-F78B9B73B1DC}"/>
          </ac:picMkLst>
        </pc:picChg>
        <pc:inkChg chg="add del">
          <ac:chgData name="Matias Vázquez Piñón" userId="2f86a967-3c9c-4a39-b538-7e6c0574d83d" providerId="ADAL" clId="{214B05F5-CDC9-49A7-9890-C2F0602C8542}" dt="2022-08-16T21:01:09.429" v="2138" actId="478"/>
          <ac:inkMkLst>
            <pc:docMk/>
            <pc:sldMk cId="2620245939" sldId="283"/>
            <ac:inkMk id="11" creationId="{05277578-B215-F973-DD09-7CCB6B2976EB}"/>
          </ac:inkMkLst>
        </pc:inkChg>
      </pc:sldChg>
      <pc:sldChg chg="addSp delSp modSp new mod">
        <pc:chgData name="Matias Vázquez Piñón" userId="2f86a967-3c9c-4a39-b538-7e6c0574d83d" providerId="ADAL" clId="{214B05F5-CDC9-49A7-9890-C2F0602C8542}" dt="2022-08-16T21:01:06.380" v="2137" actId="478"/>
        <pc:sldMkLst>
          <pc:docMk/>
          <pc:sldMk cId="2307097429" sldId="284"/>
        </pc:sldMkLst>
        <pc:spChg chg="mod">
          <ac:chgData name="Matias Vázquez Piñón" userId="2f86a967-3c9c-4a39-b538-7e6c0574d83d" providerId="ADAL" clId="{214B05F5-CDC9-49A7-9890-C2F0602C8542}" dt="2022-08-16T16:10:28.211" v="593" actId="20577"/>
          <ac:spMkLst>
            <pc:docMk/>
            <pc:sldMk cId="2307097429" sldId="284"/>
            <ac:spMk id="2" creationId="{9686D3FA-FDB1-9C17-714A-4DB91D8E1C59}"/>
          </ac:spMkLst>
        </pc:spChg>
        <pc:spChg chg="mod">
          <ac:chgData name="Matias Vázquez Piñón" userId="2f86a967-3c9c-4a39-b538-7e6c0574d83d" providerId="ADAL" clId="{214B05F5-CDC9-49A7-9890-C2F0602C8542}" dt="2022-08-16T16:39:26.265" v="1911" actId="20577"/>
          <ac:spMkLst>
            <pc:docMk/>
            <pc:sldMk cId="2307097429" sldId="284"/>
            <ac:spMk id="3" creationId="{30CD4012-EF0C-B74B-B098-3DAAF39C292A}"/>
          </ac:spMkLst>
        </pc:spChg>
        <pc:spChg chg="add mod">
          <ac:chgData name="Matias Vázquez Piñón" userId="2f86a967-3c9c-4a39-b538-7e6c0574d83d" providerId="ADAL" clId="{214B05F5-CDC9-49A7-9890-C2F0602C8542}" dt="2022-08-16T16:16:57.049" v="822" actId="14100"/>
          <ac:spMkLst>
            <pc:docMk/>
            <pc:sldMk cId="2307097429" sldId="284"/>
            <ac:spMk id="11" creationId="{42B233AF-83C7-39D1-575A-0484D2E9BB5C}"/>
          </ac:spMkLst>
        </pc:spChg>
        <pc:picChg chg="add mod ord">
          <ac:chgData name="Matias Vázquez Piñón" userId="2f86a967-3c9c-4a39-b538-7e6c0574d83d" providerId="ADAL" clId="{214B05F5-CDC9-49A7-9890-C2F0602C8542}" dt="2022-08-16T18:31:01.087" v="1913" actId="1076"/>
          <ac:picMkLst>
            <pc:docMk/>
            <pc:sldMk cId="2307097429" sldId="284"/>
            <ac:picMk id="6" creationId="{EDA2381D-02B4-294B-467C-E7AC8228860F}"/>
          </ac:picMkLst>
        </pc:picChg>
        <pc:picChg chg="add mod">
          <ac:chgData name="Matias Vázquez Piñón" userId="2f86a967-3c9c-4a39-b538-7e6c0574d83d" providerId="ADAL" clId="{214B05F5-CDC9-49A7-9890-C2F0602C8542}" dt="2022-08-16T16:17:16.302" v="826" actId="1076"/>
          <ac:picMkLst>
            <pc:docMk/>
            <pc:sldMk cId="2307097429" sldId="284"/>
            <ac:picMk id="8" creationId="{4E605A8E-539D-1074-0F7F-A534E17DF069}"/>
          </ac:picMkLst>
        </pc:picChg>
        <pc:picChg chg="add mod">
          <ac:chgData name="Matias Vázquez Piñón" userId="2f86a967-3c9c-4a39-b538-7e6c0574d83d" providerId="ADAL" clId="{214B05F5-CDC9-49A7-9890-C2F0602C8542}" dt="2022-08-16T16:17:11.966" v="825" actId="1076"/>
          <ac:picMkLst>
            <pc:docMk/>
            <pc:sldMk cId="2307097429" sldId="284"/>
            <ac:picMk id="10" creationId="{592ACDCF-701B-FD83-FEBD-56975F5DAEFA}"/>
          </ac:picMkLst>
        </pc:picChg>
        <pc:inkChg chg="add del">
          <ac:chgData name="Matias Vázquez Piñón" userId="2f86a967-3c9c-4a39-b538-7e6c0574d83d" providerId="ADAL" clId="{214B05F5-CDC9-49A7-9890-C2F0602C8542}" dt="2022-08-16T21:01:06.380" v="2137" actId="478"/>
          <ac:inkMkLst>
            <pc:docMk/>
            <pc:sldMk cId="2307097429" sldId="284"/>
            <ac:inkMk id="12" creationId="{E4A6CEF8-BB38-387C-532E-9EB91F3450D7}"/>
          </ac:inkMkLst>
        </pc:inkChg>
      </pc:sldChg>
      <pc:sldChg chg="new del">
        <pc:chgData name="Matias Vázquez Piñón" userId="2f86a967-3c9c-4a39-b538-7e6c0574d83d" providerId="ADAL" clId="{214B05F5-CDC9-49A7-9890-C2F0602C8542}" dt="2022-08-16T16:22:15.101" v="1057" actId="47"/>
        <pc:sldMkLst>
          <pc:docMk/>
          <pc:sldMk cId="4132329750" sldId="285"/>
        </pc:sldMkLst>
      </pc:sldChg>
      <pc:sldChg chg="addSp delSp modSp new mod modClrScheme chgLayout">
        <pc:chgData name="Matias Vázquez Piñón" userId="2f86a967-3c9c-4a39-b538-7e6c0574d83d" providerId="ADAL" clId="{214B05F5-CDC9-49A7-9890-C2F0602C8542}" dt="2022-08-16T21:01:03.011" v="2136" actId="478"/>
        <pc:sldMkLst>
          <pc:docMk/>
          <pc:sldMk cId="3102174217" sldId="286"/>
        </pc:sldMkLst>
        <pc:spChg chg="mod ord">
          <ac:chgData name="Matias Vázquez Piñón" userId="2f86a967-3c9c-4a39-b538-7e6c0574d83d" providerId="ADAL" clId="{214B05F5-CDC9-49A7-9890-C2F0602C8542}" dt="2022-08-16T16:29:00.645" v="1563" actId="700"/>
          <ac:spMkLst>
            <pc:docMk/>
            <pc:sldMk cId="3102174217" sldId="286"/>
            <ac:spMk id="2" creationId="{6680EA11-3CE4-CD72-FF8D-3A9BA76FE00E}"/>
          </ac:spMkLst>
        </pc:spChg>
        <pc:spChg chg="mod ord">
          <ac:chgData name="Matias Vázquez Piñón" userId="2f86a967-3c9c-4a39-b538-7e6c0574d83d" providerId="ADAL" clId="{214B05F5-CDC9-49A7-9890-C2F0602C8542}" dt="2022-08-16T18:31:24.136" v="1943" actId="20577"/>
          <ac:spMkLst>
            <pc:docMk/>
            <pc:sldMk cId="3102174217" sldId="286"/>
            <ac:spMk id="3" creationId="{6B6C1063-562E-3BE1-3354-BF3544A183CE}"/>
          </ac:spMkLst>
        </pc:spChg>
        <pc:spChg chg="del">
          <ac:chgData name="Matias Vázquez Piñón" userId="2f86a967-3c9c-4a39-b538-7e6c0574d83d" providerId="ADAL" clId="{214B05F5-CDC9-49A7-9890-C2F0602C8542}" dt="2022-08-16T16:18:09.696" v="829" actId="22"/>
          <ac:spMkLst>
            <pc:docMk/>
            <pc:sldMk cId="3102174217" sldId="286"/>
            <ac:spMk id="4" creationId="{E8E9F051-669B-5B4E-387D-A88C59A252A8}"/>
          </ac:spMkLst>
        </pc:spChg>
        <pc:spChg chg="mod ord">
          <ac:chgData name="Matias Vázquez Piñón" userId="2f86a967-3c9c-4a39-b538-7e6c0574d83d" providerId="ADAL" clId="{214B05F5-CDC9-49A7-9890-C2F0602C8542}" dt="2022-08-16T16:29:00.645" v="1563" actId="700"/>
          <ac:spMkLst>
            <pc:docMk/>
            <pc:sldMk cId="3102174217" sldId="286"/>
            <ac:spMk id="5" creationId="{549F6F39-E795-D9A4-CFC5-888D3A414B91}"/>
          </ac:spMkLst>
        </pc:spChg>
        <pc:spChg chg="add del mod">
          <ac:chgData name="Matias Vázquez Piñón" userId="2f86a967-3c9c-4a39-b538-7e6c0574d83d" providerId="ADAL" clId="{214B05F5-CDC9-49A7-9890-C2F0602C8542}" dt="2022-08-16T16:28:27.043" v="1561" actId="22"/>
          <ac:spMkLst>
            <pc:docMk/>
            <pc:sldMk cId="3102174217" sldId="286"/>
            <ac:spMk id="8" creationId="{B3CD5D69-C63E-9342-68BE-8F8DA9BDDCC3}"/>
          </ac:spMkLst>
        </pc:spChg>
        <pc:spChg chg="add del mod ord">
          <ac:chgData name="Matias Vázquez Piñón" userId="2f86a967-3c9c-4a39-b538-7e6c0574d83d" providerId="ADAL" clId="{214B05F5-CDC9-49A7-9890-C2F0602C8542}" dt="2022-08-16T16:29:00.645" v="1563" actId="700"/>
          <ac:spMkLst>
            <pc:docMk/>
            <pc:sldMk cId="3102174217" sldId="286"/>
            <ac:spMk id="11" creationId="{7D2EB6D5-3613-AD15-2068-EC413C2F8CCA}"/>
          </ac:spMkLst>
        </pc:spChg>
        <pc:spChg chg="add del mod ord">
          <ac:chgData name="Matias Vázquez Piñón" userId="2f86a967-3c9c-4a39-b538-7e6c0574d83d" providerId="ADAL" clId="{214B05F5-CDC9-49A7-9890-C2F0602C8542}" dt="2022-08-16T16:29:02.637" v="1564"/>
          <ac:spMkLst>
            <pc:docMk/>
            <pc:sldMk cId="3102174217" sldId="286"/>
            <ac:spMk id="12" creationId="{295FE5E2-22D1-283D-ED26-F0C24759E8EF}"/>
          </ac:spMkLst>
        </pc:spChg>
        <pc:spChg chg="add del mod ord">
          <ac:chgData name="Matias Vázquez Piñón" userId="2f86a967-3c9c-4a39-b538-7e6c0574d83d" providerId="ADAL" clId="{214B05F5-CDC9-49A7-9890-C2F0602C8542}" dt="2022-08-16T16:29:39.414" v="1566" actId="22"/>
          <ac:spMkLst>
            <pc:docMk/>
            <pc:sldMk cId="3102174217" sldId="286"/>
            <ac:spMk id="13" creationId="{DD136BA7-8C6D-6304-6219-F78E6746BB65}"/>
          </ac:spMkLst>
        </pc:spChg>
        <pc:picChg chg="add del mod ord">
          <ac:chgData name="Matias Vázquez Piñón" userId="2f86a967-3c9c-4a39-b538-7e6c0574d83d" providerId="ADAL" clId="{214B05F5-CDC9-49A7-9890-C2F0602C8542}" dt="2022-08-16T16:28:15.996" v="1560" actId="478"/>
          <ac:picMkLst>
            <pc:docMk/>
            <pc:sldMk cId="3102174217" sldId="286"/>
            <ac:picMk id="7" creationId="{EEA94401-D72C-BF94-9D69-4191387CADB7}"/>
          </ac:picMkLst>
        </pc:picChg>
        <pc:picChg chg="add del mod ord">
          <ac:chgData name="Matias Vázquez Piñón" userId="2f86a967-3c9c-4a39-b538-7e6c0574d83d" providerId="ADAL" clId="{214B05F5-CDC9-49A7-9890-C2F0602C8542}" dt="2022-08-16T16:28:57.694" v="1562" actId="21"/>
          <ac:picMkLst>
            <pc:docMk/>
            <pc:sldMk cId="3102174217" sldId="286"/>
            <ac:picMk id="10" creationId="{36B0DCC4-0C89-F7E3-7062-3E77664A815A}"/>
          </ac:picMkLst>
        </pc:picChg>
        <pc:picChg chg="add mod">
          <ac:chgData name="Matias Vázquez Piñón" userId="2f86a967-3c9c-4a39-b538-7e6c0574d83d" providerId="ADAL" clId="{214B05F5-CDC9-49A7-9890-C2F0602C8542}" dt="2022-08-16T16:29:10.745" v="1565" actId="18653"/>
          <ac:picMkLst>
            <pc:docMk/>
            <pc:sldMk cId="3102174217" sldId="286"/>
            <ac:picMk id="14" creationId="{5D5C932B-91C9-1E49-89A0-E96E20BE2E42}"/>
          </ac:picMkLst>
        </pc:picChg>
        <pc:picChg chg="add mod ord modCrop">
          <ac:chgData name="Matias Vázquez Piñón" userId="2f86a967-3c9c-4a39-b538-7e6c0574d83d" providerId="ADAL" clId="{214B05F5-CDC9-49A7-9890-C2F0602C8542}" dt="2022-08-16T16:29:42.272" v="1567" actId="18653"/>
          <ac:picMkLst>
            <pc:docMk/>
            <pc:sldMk cId="3102174217" sldId="286"/>
            <ac:picMk id="16" creationId="{60CD152C-CF0D-A76B-EB8C-DB9CB3E18B0F}"/>
          </ac:picMkLst>
        </pc:picChg>
        <pc:picChg chg="add mod">
          <ac:chgData name="Matias Vázquez Piñón" userId="2f86a967-3c9c-4a39-b538-7e6c0574d83d" providerId="ADAL" clId="{214B05F5-CDC9-49A7-9890-C2F0602C8542}" dt="2022-08-16T18:39:59.248" v="1947" actId="1076"/>
          <ac:picMkLst>
            <pc:docMk/>
            <pc:sldMk cId="3102174217" sldId="286"/>
            <ac:picMk id="18" creationId="{D9696D93-6485-0883-48B8-B679935C0D82}"/>
          </ac:picMkLst>
        </pc:picChg>
        <pc:inkChg chg="add del">
          <ac:chgData name="Matias Vázquez Piñón" userId="2f86a967-3c9c-4a39-b538-7e6c0574d83d" providerId="ADAL" clId="{214B05F5-CDC9-49A7-9890-C2F0602C8542}" dt="2022-08-16T21:01:03.011" v="2136" actId="478"/>
          <ac:inkMkLst>
            <pc:docMk/>
            <pc:sldMk cId="3102174217" sldId="286"/>
            <ac:inkMk id="19" creationId="{DF006063-3862-D071-18B3-E0585EC82817}"/>
          </ac:inkMkLst>
        </pc:inkChg>
      </pc:sldChg>
      <pc:sldChg chg="addSp delSp modSp new mod">
        <pc:chgData name="Matias Vázquez Piñón" userId="2f86a967-3c9c-4a39-b538-7e6c0574d83d" providerId="ADAL" clId="{214B05F5-CDC9-49A7-9890-C2F0602C8542}" dt="2022-08-17T19:08:06.035" v="2991" actId="478"/>
        <pc:sldMkLst>
          <pc:docMk/>
          <pc:sldMk cId="2113485509" sldId="287"/>
        </pc:sldMkLst>
        <pc:spChg chg="del">
          <ac:chgData name="Matias Vázquez Piñón" userId="2f86a967-3c9c-4a39-b538-7e6c0574d83d" providerId="ADAL" clId="{214B05F5-CDC9-49A7-9890-C2F0602C8542}" dt="2022-08-16T19:11:15.025" v="2125" actId="478"/>
          <ac:spMkLst>
            <pc:docMk/>
            <pc:sldMk cId="2113485509" sldId="287"/>
            <ac:spMk id="3" creationId="{A61382C9-39EA-CBD4-61B4-DA364E274317}"/>
          </ac:spMkLst>
        </pc:spChg>
        <pc:spChg chg="del">
          <ac:chgData name="Matias Vázquez Piñón" userId="2f86a967-3c9c-4a39-b538-7e6c0574d83d" providerId="ADAL" clId="{214B05F5-CDC9-49A7-9890-C2F0602C8542}" dt="2022-08-16T19:11:16.594" v="2126" actId="478"/>
          <ac:spMkLst>
            <pc:docMk/>
            <pc:sldMk cId="2113485509" sldId="287"/>
            <ac:spMk id="5" creationId="{454DC691-6884-11B5-2335-A477FA1DE2F6}"/>
          </ac:spMkLst>
        </pc:spChg>
        <pc:spChg chg="del">
          <ac:chgData name="Matias Vázquez Piñón" userId="2f86a967-3c9c-4a39-b538-7e6c0574d83d" providerId="ADAL" clId="{214B05F5-CDC9-49A7-9890-C2F0602C8542}" dt="2022-08-16T19:11:20.591" v="2127" actId="478"/>
          <ac:spMkLst>
            <pc:docMk/>
            <pc:sldMk cId="2113485509" sldId="287"/>
            <ac:spMk id="7" creationId="{24F3A652-A70B-1787-8761-F471B27FEC10}"/>
          </ac:spMkLst>
        </pc:spChg>
        <pc:spChg chg="del">
          <ac:chgData name="Matias Vázquez Piñón" userId="2f86a967-3c9c-4a39-b538-7e6c0574d83d" providerId="ADAL" clId="{214B05F5-CDC9-49A7-9890-C2F0602C8542}" dt="2022-08-16T18:41:55.319" v="1949" actId="22"/>
          <ac:spMkLst>
            <pc:docMk/>
            <pc:sldMk cId="2113485509" sldId="287"/>
            <ac:spMk id="8" creationId="{050CE185-B949-A31C-6AB6-E92EA368635C}"/>
          </ac:spMkLst>
        </pc:spChg>
        <pc:spChg chg="del">
          <ac:chgData name="Matias Vázquez Piñón" userId="2f86a967-3c9c-4a39-b538-7e6c0574d83d" providerId="ADAL" clId="{214B05F5-CDC9-49A7-9890-C2F0602C8542}" dt="2022-08-16T18:42:13.057" v="1950" actId="22"/>
          <ac:spMkLst>
            <pc:docMk/>
            <pc:sldMk cId="2113485509" sldId="287"/>
            <ac:spMk id="9" creationId="{480DC116-E4A0-451E-F948-F2A99A0C1757}"/>
          </ac:spMkLst>
        </pc:spChg>
        <pc:spChg chg="del">
          <ac:chgData name="Matias Vázquez Piñón" userId="2f86a967-3c9c-4a39-b538-7e6c0574d83d" providerId="ADAL" clId="{214B05F5-CDC9-49A7-9890-C2F0602C8542}" dt="2022-08-16T18:42:36.339" v="1951" actId="22"/>
          <ac:spMkLst>
            <pc:docMk/>
            <pc:sldMk cId="2113485509" sldId="287"/>
            <ac:spMk id="10" creationId="{F6CBC778-9E20-B4F2-D086-FDF234D098B9}"/>
          </ac:spMkLst>
        </pc:spChg>
        <pc:picChg chg="add mod ord modCrop">
          <ac:chgData name="Matias Vázquez Piñón" userId="2f86a967-3c9c-4a39-b538-7e6c0574d83d" providerId="ADAL" clId="{214B05F5-CDC9-49A7-9890-C2F0602C8542}" dt="2022-08-16T19:11:27.339" v="2128" actId="1076"/>
          <ac:picMkLst>
            <pc:docMk/>
            <pc:sldMk cId="2113485509" sldId="287"/>
            <ac:picMk id="13" creationId="{C52FB02C-E055-5C64-2C6D-B6AE6F761A44}"/>
          </ac:picMkLst>
        </pc:picChg>
        <pc:picChg chg="add mod ord modCrop">
          <ac:chgData name="Matias Vázquez Piñón" userId="2f86a967-3c9c-4a39-b538-7e6c0574d83d" providerId="ADAL" clId="{214B05F5-CDC9-49A7-9890-C2F0602C8542}" dt="2022-08-16T19:11:27.339" v="2128" actId="1076"/>
          <ac:picMkLst>
            <pc:docMk/>
            <pc:sldMk cId="2113485509" sldId="287"/>
            <ac:picMk id="15" creationId="{4FF25913-7B46-A0CD-95CF-199A9643C90C}"/>
          </ac:picMkLst>
        </pc:picChg>
        <pc:picChg chg="add mod ord modCrop">
          <ac:chgData name="Matias Vázquez Piñón" userId="2f86a967-3c9c-4a39-b538-7e6c0574d83d" providerId="ADAL" clId="{214B05F5-CDC9-49A7-9890-C2F0602C8542}" dt="2022-08-16T19:11:27.339" v="2128" actId="1076"/>
          <ac:picMkLst>
            <pc:docMk/>
            <pc:sldMk cId="2113485509" sldId="287"/>
            <ac:picMk id="17" creationId="{C47AF0FC-298E-46D8-F667-66F4FAFF9A3C}"/>
          </ac:picMkLst>
        </pc:picChg>
        <pc:inkChg chg="add del">
          <ac:chgData name="Matias Vázquez Piñón" userId="2f86a967-3c9c-4a39-b538-7e6c0574d83d" providerId="ADAL" clId="{214B05F5-CDC9-49A7-9890-C2F0602C8542}" dt="2022-08-17T19:08:06.035" v="2991" actId="478"/>
          <ac:inkMkLst>
            <pc:docMk/>
            <pc:sldMk cId="2113485509" sldId="287"/>
            <ac:inkMk id="18" creationId="{17BB4F3A-9B57-488C-E293-AA58F61FCA86}"/>
          </ac:inkMkLst>
        </pc:inkChg>
      </pc:sldChg>
      <pc:sldChg chg="addSp delSp modSp new mod modClrScheme chgLayout">
        <pc:chgData name="Matias Vázquez Piñón" userId="2f86a967-3c9c-4a39-b538-7e6c0574d83d" providerId="ADAL" clId="{214B05F5-CDC9-49A7-9890-C2F0602C8542}" dt="2022-08-19T18:32:03.406" v="4743" actId="1076"/>
        <pc:sldMkLst>
          <pc:docMk/>
          <pc:sldMk cId="583678347" sldId="288"/>
        </pc:sldMkLst>
        <pc:spChg chg="del mod ord">
          <ac:chgData name="Matias Vázquez Piñón" userId="2f86a967-3c9c-4a39-b538-7e6c0574d83d" providerId="ADAL" clId="{214B05F5-CDC9-49A7-9890-C2F0602C8542}" dt="2022-08-16T18:49:15.916" v="1964" actId="700"/>
          <ac:spMkLst>
            <pc:docMk/>
            <pc:sldMk cId="583678347" sldId="288"/>
            <ac:spMk id="2" creationId="{5360B940-A671-4A66-00F5-B203DED0B36D}"/>
          </ac:spMkLst>
        </pc:spChg>
        <pc:spChg chg="mod ord">
          <ac:chgData name="Matias Vázquez Piñón" userId="2f86a967-3c9c-4a39-b538-7e6c0574d83d" providerId="ADAL" clId="{214B05F5-CDC9-49A7-9890-C2F0602C8542}" dt="2022-08-16T19:04:29.920" v="2043" actId="700"/>
          <ac:spMkLst>
            <pc:docMk/>
            <pc:sldMk cId="583678347" sldId="288"/>
            <ac:spMk id="3" creationId="{5F16F9B2-B23E-841F-0C4C-A2C7B206786A}"/>
          </ac:spMkLst>
        </pc:spChg>
        <pc:spChg chg="add del mod ord">
          <ac:chgData name="Matias Vázquez Piñón" userId="2f86a967-3c9c-4a39-b538-7e6c0574d83d" providerId="ADAL" clId="{214B05F5-CDC9-49A7-9890-C2F0602C8542}" dt="2022-08-16T19:04:03.674" v="2040" actId="478"/>
          <ac:spMkLst>
            <pc:docMk/>
            <pc:sldMk cId="583678347" sldId="288"/>
            <ac:spMk id="4" creationId="{006A0691-F369-55D1-324C-9CE4BACE951B}"/>
          </ac:spMkLst>
        </pc:spChg>
        <pc:spChg chg="add del mod ord">
          <ac:chgData name="Matias Vázquez Piñón" userId="2f86a967-3c9c-4a39-b538-7e6c0574d83d" providerId="ADAL" clId="{214B05F5-CDC9-49A7-9890-C2F0602C8542}" dt="2022-08-16T18:51:04.566" v="1974" actId="700"/>
          <ac:spMkLst>
            <pc:docMk/>
            <pc:sldMk cId="583678347" sldId="288"/>
            <ac:spMk id="5" creationId="{B03C07B0-8ADA-9B5F-29AF-D7874B7DCE2F}"/>
          </ac:spMkLst>
        </pc:spChg>
        <pc:spChg chg="add del mod ord">
          <ac:chgData name="Matias Vázquez Piñón" userId="2f86a967-3c9c-4a39-b538-7e6c0574d83d" providerId="ADAL" clId="{214B05F5-CDC9-49A7-9890-C2F0602C8542}" dt="2022-08-16T18:49:53.251" v="1969" actId="22"/>
          <ac:spMkLst>
            <pc:docMk/>
            <pc:sldMk cId="583678347" sldId="288"/>
            <ac:spMk id="6" creationId="{533CF8E6-B68C-51F4-1E09-C3DACCBC81ED}"/>
          </ac:spMkLst>
        </pc:spChg>
        <pc:spChg chg="add del mod ord">
          <ac:chgData name="Matias Vázquez Piñón" userId="2f86a967-3c9c-4a39-b538-7e6c0574d83d" providerId="ADAL" clId="{214B05F5-CDC9-49A7-9890-C2F0602C8542}" dt="2022-08-16T18:50:31.959" v="1971" actId="22"/>
          <ac:spMkLst>
            <pc:docMk/>
            <pc:sldMk cId="583678347" sldId="288"/>
            <ac:spMk id="7" creationId="{27952D4E-1740-B1D7-7CD4-8129DD36437C}"/>
          </ac:spMkLst>
        </pc:spChg>
        <pc:spChg chg="add del mod">
          <ac:chgData name="Matias Vázquez Piñón" userId="2f86a967-3c9c-4a39-b538-7e6c0574d83d" providerId="ADAL" clId="{214B05F5-CDC9-49A7-9890-C2F0602C8542}" dt="2022-08-16T18:59:51.837" v="2003" actId="478"/>
          <ac:spMkLst>
            <pc:docMk/>
            <pc:sldMk cId="583678347" sldId="288"/>
            <ac:spMk id="16" creationId="{0A9EBFDA-8A57-84BA-EAFE-3591D9A5A50A}"/>
          </ac:spMkLst>
        </pc:spChg>
        <pc:spChg chg="add del mod ord">
          <ac:chgData name="Matias Vázquez Piñón" userId="2f86a967-3c9c-4a39-b538-7e6c0574d83d" providerId="ADAL" clId="{214B05F5-CDC9-49A7-9890-C2F0602C8542}" dt="2022-08-16T19:00:13.790" v="2007"/>
          <ac:spMkLst>
            <pc:docMk/>
            <pc:sldMk cId="583678347" sldId="288"/>
            <ac:spMk id="17" creationId="{FE391ED9-A7F7-40C9-C85C-C401735A6426}"/>
          </ac:spMkLst>
        </pc:spChg>
        <pc:spChg chg="add del mod ord">
          <ac:chgData name="Matias Vázquez Piñón" userId="2f86a967-3c9c-4a39-b538-7e6c0574d83d" providerId="ADAL" clId="{214B05F5-CDC9-49A7-9890-C2F0602C8542}" dt="2022-08-16T19:01:31.032" v="2023"/>
          <ac:spMkLst>
            <pc:docMk/>
            <pc:sldMk cId="583678347" sldId="288"/>
            <ac:spMk id="18" creationId="{15265460-937B-ECC9-8137-7577A4C05E43}"/>
          </ac:spMkLst>
        </pc:spChg>
        <pc:spChg chg="add del mod ord">
          <ac:chgData name="Matias Vázquez Piñón" userId="2f86a967-3c9c-4a39-b538-7e6c0574d83d" providerId="ADAL" clId="{214B05F5-CDC9-49A7-9890-C2F0602C8542}" dt="2022-08-16T19:03:57.874" v="2036" actId="478"/>
          <ac:spMkLst>
            <pc:docMk/>
            <pc:sldMk cId="583678347" sldId="288"/>
            <ac:spMk id="19" creationId="{CB5D56DB-23B5-DEB4-BD32-877D6E070A7F}"/>
          </ac:spMkLst>
        </pc:spChg>
        <pc:spChg chg="add del mod ord">
          <ac:chgData name="Matias Vázquez Piñón" userId="2f86a967-3c9c-4a39-b538-7e6c0574d83d" providerId="ADAL" clId="{214B05F5-CDC9-49A7-9890-C2F0602C8542}" dt="2022-08-16T19:04:01.582" v="2039" actId="478"/>
          <ac:spMkLst>
            <pc:docMk/>
            <pc:sldMk cId="583678347" sldId="288"/>
            <ac:spMk id="20" creationId="{D093F095-603A-8CCD-0F64-DD2188635D9F}"/>
          </ac:spMkLst>
        </pc:spChg>
        <pc:spChg chg="add del mod ord">
          <ac:chgData name="Matias Vázquez Piñón" userId="2f86a967-3c9c-4a39-b538-7e6c0574d83d" providerId="ADAL" clId="{214B05F5-CDC9-49A7-9890-C2F0602C8542}" dt="2022-08-16T19:02:37.825" v="2029"/>
          <ac:spMkLst>
            <pc:docMk/>
            <pc:sldMk cId="583678347" sldId="288"/>
            <ac:spMk id="21" creationId="{EA23FEFC-FE92-2723-AAE3-8FAD023F119E}"/>
          </ac:spMkLst>
        </pc:spChg>
        <pc:spChg chg="add del mod ord">
          <ac:chgData name="Matias Vázquez Piñón" userId="2f86a967-3c9c-4a39-b538-7e6c0574d83d" providerId="ADAL" clId="{214B05F5-CDC9-49A7-9890-C2F0602C8542}" dt="2022-08-16T19:04:00.873" v="2038" actId="478"/>
          <ac:spMkLst>
            <pc:docMk/>
            <pc:sldMk cId="583678347" sldId="288"/>
            <ac:spMk id="22" creationId="{536FF398-761B-4BC3-7AEF-0D7EB4ACA0F1}"/>
          </ac:spMkLst>
        </pc:spChg>
        <pc:spChg chg="add del mod ord">
          <ac:chgData name="Matias Vázquez Piñón" userId="2f86a967-3c9c-4a39-b538-7e6c0574d83d" providerId="ADAL" clId="{214B05F5-CDC9-49A7-9890-C2F0602C8542}" dt="2022-08-16T19:03:59.272" v="2037" actId="478"/>
          <ac:spMkLst>
            <pc:docMk/>
            <pc:sldMk cId="583678347" sldId="288"/>
            <ac:spMk id="23" creationId="{C9884565-2080-1B67-402F-EE1B8BFECCF7}"/>
          </ac:spMkLst>
        </pc:spChg>
        <pc:spChg chg="add del mod">
          <ac:chgData name="Matias Vázquez Piñón" userId="2f86a967-3c9c-4a39-b538-7e6c0574d83d" providerId="ADAL" clId="{214B05F5-CDC9-49A7-9890-C2F0602C8542}" dt="2022-08-16T19:00:42.281" v="2011" actId="22"/>
          <ac:spMkLst>
            <pc:docMk/>
            <pc:sldMk cId="583678347" sldId="288"/>
            <ac:spMk id="24" creationId="{256EFF09-2B25-A9E0-25E3-39DB533C16FC}"/>
          </ac:spMkLst>
        </pc:spChg>
        <pc:spChg chg="add del mod">
          <ac:chgData name="Matias Vázquez Piñón" userId="2f86a967-3c9c-4a39-b538-7e6c0574d83d" providerId="ADAL" clId="{214B05F5-CDC9-49A7-9890-C2F0602C8542}" dt="2022-08-16T19:02:54.086" v="2030" actId="22"/>
          <ac:spMkLst>
            <pc:docMk/>
            <pc:sldMk cId="583678347" sldId="288"/>
            <ac:spMk id="29" creationId="{3E01C9A9-347B-21F5-8CF9-4FE50EC4B285}"/>
          </ac:spMkLst>
        </pc:spChg>
        <pc:spChg chg="add del mod">
          <ac:chgData name="Matias Vázquez Piñón" userId="2f86a967-3c9c-4a39-b538-7e6c0574d83d" providerId="ADAL" clId="{214B05F5-CDC9-49A7-9890-C2F0602C8542}" dt="2022-08-16T19:04:12.956" v="2042" actId="700"/>
          <ac:spMkLst>
            <pc:docMk/>
            <pc:sldMk cId="583678347" sldId="288"/>
            <ac:spMk id="33" creationId="{3DB9D2AB-80E3-1A82-6078-E44B8F6EF103}"/>
          </ac:spMkLst>
        </pc:spChg>
        <pc:spChg chg="add del mod">
          <ac:chgData name="Matias Vázquez Piñón" userId="2f86a967-3c9c-4a39-b538-7e6c0574d83d" providerId="ADAL" clId="{214B05F5-CDC9-49A7-9890-C2F0602C8542}" dt="2022-08-16T19:04:12.956" v="2042" actId="700"/>
          <ac:spMkLst>
            <pc:docMk/>
            <pc:sldMk cId="583678347" sldId="288"/>
            <ac:spMk id="34" creationId="{B95B4CF5-9939-7DB1-0823-4552C40EA41F}"/>
          </ac:spMkLst>
        </pc:spChg>
        <pc:spChg chg="add del mod">
          <ac:chgData name="Matias Vázquez Piñón" userId="2f86a967-3c9c-4a39-b538-7e6c0574d83d" providerId="ADAL" clId="{214B05F5-CDC9-49A7-9890-C2F0602C8542}" dt="2022-08-16T19:04:12.956" v="2042" actId="700"/>
          <ac:spMkLst>
            <pc:docMk/>
            <pc:sldMk cId="583678347" sldId="288"/>
            <ac:spMk id="35" creationId="{C11F7ABE-2166-B7DE-3124-28899F03CFA6}"/>
          </ac:spMkLst>
        </pc:spChg>
        <pc:spChg chg="add del mod">
          <ac:chgData name="Matias Vázquez Piñón" userId="2f86a967-3c9c-4a39-b538-7e6c0574d83d" providerId="ADAL" clId="{214B05F5-CDC9-49A7-9890-C2F0602C8542}" dt="2022-08-16T19:04:12.956" v="2042" actId="700"/>
          <ac:spMkLst>
            <pc:docMk/>
            <pc:sldMk cId="583678347" sldId="288"/>
            <ac:spMk id="36" creationId="{1FAA261D-2775-CADE-DD85-F6A1BD2E5983}"/>
          </ac:spMkLst>
        </pc:spChg>
        <pc:spChg chg="add del mod ord">
          <ac:chgData name="Matias Vázquez Piñón" userId="2f86a967-3c9c-4a39-b538-7e6c0574d83d" providerId="ADAL" clId="{214B05F5-CDC9-49A7-9890-C2F0602C8542}" dt="2022-08-16T19:04:29.920" v="2043" actId="700"/>
          <ac:spMkLst>
            <pc:docMk/>
            <pc:sldMk cId="583678347" sldId="288"/>
            <ac:spMk id="37" creationId="{95A3034F-5EDC-4D89-9941-63059BCAC05F}"/>
          </ac:spMkLst>
        </pc:spChg>
        <pc:spChg chg="add mod ord">
          <ac:chgData name="Matias Vázquez Piñón" userId="2f86a967-3c9c-4a39-b538-7e6c0574d83d" providerId="ADAL" clId="{214B05F5-CDC9-49A7-9890-C2F0602C8542}" dt="2022-08-16T19:04:40.156" v="2051" actId="20577"/>
          <ac:spMkLst>
            <pc:docMk/>
            <pc:sldMk cId="583678347" sldId="288"/>
            <ac:spMk id="38" creationId="{4CF32978-3944-3E20-DFB3-4721065E8CDC}"/>
          </ac:spMkLst>
        </pc:spChg>
        <pc:spChg chg="add del mod ord">
          <ac:chgData name="Matias Vázquez Piñón" userId="2f86a967-3c9c-4a39-b538-7e6c0574d83d" providerId="ADAL" clId="{214B05F5-CDC9-49A7-9890-C2F0602C8542}" dt="2022-08-16T19:04:30.931" v="2044" actId="22"/>
          <ac:spMkLst>
            <pc:docMk/>
            <pc:sldMk cId="583678347" sldId="288"/>
            <ac:spMk id="39" creationId="{93C507D9-3E32-2713-10EF-C97C0380CC64}"/>
          </ac:spMkLst>
        </pc:spChg>
        <pc:spChg chg="add del mod">
          <ac:chgData name="Matias Vázquez Piñón" userId="2f86a967-3c9c-4a39-b538-7e6c0574d83d" providerId="ADAL" clId="{214B05F5-CDC9-49A7-9890-C2F0602C8542}" dt="2022-08-16T19:05:10.260" v="2055" actId="22"/>
          <ac:spMkLst>
            <pc:docMk/>
            <pc:sldMk cId="583678347" sldId="288"/>
            <ac:spMk id="42" creationId="{11CAF720-12E4-945B-C601-487DA986102F}"/>
          </ac:spMkLst>
        </pc:spChg>
        <pc:spChg chg="add mod">
          <ac:chgData name="Matias Vázquez Piñón" userId="2f86a967-3c9c-4a39-b538-7e6c0574d83d" providerId="ADAL" clId="{214B05F5-CDC9-49A7-9890-C2F0602C8542}" dt="2022-08-16T19:05:31.078" v="2062" actId="14100"/>
          <ac:spMkLst>
            <pc:docMk/>
            <pc:sldMk cId="583678347" sldId="288"/>
            <ac:spMk id="47" creationId="{91AE9E5B-E00A-CFFE-C30E-5925B395AF94}"/>
          </ac:spMkLst>
        </pc:spChg>
        <pc:spChg chg="add mod">
          <ac:chgData name="Matias Vázquez Piñón" userId="2f86a967-3c9c-4a39-b538-7e6c0574d83d" providerId="ADAL" clId="{214B05F5-CDC9-49A7-9890-C2F0602C8542}" dt="2022-08-16T19:05:37.341" v="2064" actId="1076"/>
          <ac:spMkLst>
            <pc:docMk/>
            <pc:sldMk cId="583678347" sldId="288"/>
            <ac:spMk id="48" creationId="{E1ABD56C-BECB-1701-C8CA-E595CDD7B9F2}"/>
          </ac:spMkLst>
        </pc:spChg>
        <pc:picChg chg="add del mod ord modCrop">
          <ac:chgData name="Matias Vázquez Piñón" userId="2f86a967-3c9c-4a39-b538-7e6c0574d83d" providerId="ADAL" clId="{214B05F5-CDC9-49A7-9890-C2F0602C8542}" dt="2022-08-16T19:00:12.049" v="2006" actId="21"/>
          <ac:picMkLst>
            <pc:docMk/>
            <pc:sldMk cId="583678347" sldId="288"/>
            <ac:picMk id="9" creationId="{A3F89D89-0D54-8B69-AFBE-C284F95E2846}"/>
          </ac:picMkLst>
        </pc:picChg>
        <pc:picChg chg="add del mod ord modCrop">
          <ac:chgData name="Matias Vázquez Piñón" userId="2f86a967-3c9c-4a39-b538-7e6c0574d83d" providerId="ADAL" clId="{214B05F5-CDC9-49A7-9890-C2F0602C8542}" dt="2022-08-16T18:59:46.108" v="2002" actId="478"/>
          <ac:picMkLst>
            <pc:docMk/>
            <pc:sldMk cId="583678347" sldId="288"/>
            <ac:picMk id="11" creationId="{4AB5C3D4-A0F3-19D7-895A-EB88EA612434}"/>
          </ac:picMkLst>
        </pc:picChg>
        <pc:picChg chg="add del mod">
          <ac:chgData name="Matias Vázquez Piñón" userId="2f86a967-3c9c-4a39-b538-7e6c0574d83d" providerId="ADAL" clId="{214B05F5-CDC9-49A7-9890-C2F0602C8542}" dt="2022-08-16T19:01:27.625" v="2020" actId="21"/>
          <ac:picMkLst>
            <pc:docMk/>
            <pc:sldMk cId="583678347" sldId="288"/>
            <ac:picMk id="13" creationId="{6DDC5B0C-447D-D2BE-D63D-4A1E99CAEE88}"/>
          </ac:picMkLst>
        </pc:picChg>
        <pc:picChg chg="add del mod or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15" creationId="{8B69D302-1F6B-1796-44AA-A4C12B0A3E6C}"/>
          </ac:picMkLst>
        </pc:picChg>
        <pc:picChg chg="add del mo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25" creationId="{965CEA14-4933-3CD7-1321-2CAB3347CBD5}"/>
          </ac:picMkLst>
        </pc:picChg>
        <pc:picChg chg="add del mod ord">
          <ac:chgData name="Matias Vázquez Piñón" userId="2f86a967-3c9c-4a39-b538-7e6c0574d83d" providerId="ADAL" clId="{214B05F5-CDC9-49A7-9890-C2F0602C8542}" dt="2022-08-16T19:02:36.415" v="2028" actId="21"/>
          <ac:picMkLst>
            <pc:docMk/>
            <pc:sldMk cId="583678347" sldId="288"/>
            <ac:picMk id="27" creationId="{193ABE4B-63FA-CA52-9E27-DE6501585E55}"/>
          </ac:picMkLst>
        </pc:picChg>
        <pc:picChg chg="add del mo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28" creationId="{023DB9C5-407C-C278-CEBD-C5A10D243D15}"/>
          </ac:picMkLst>
        </pc:picChg>
        <pc:picChg chg="add del mo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30" creationId="{12675178-FA4D-28A1-6017-E234696FCBE6}"/>
          </ac:picMkLst>
        </pc:picChg>
        <pc:picChg chg="add del mod ord">
          <ac:chgData name="Matias Vázquez Piñón" userId="2f86a967-3c9c-4a39-b538-7e6c0574d83d" providerId="ADAL" clId="{214B05F5-CDC9-49A7-9890-C2F0602C8542}" dt="2022-08-16T19:04:09.868" v="2041" actId="478"/>
          <ac:picMkLst>
            <pc:docMk/>
            <pc:sldMk cId="583678347" sldId="288"/>
            <ac:picMk id="32" creationId="{BB20ABCE-ADDA-602B-0B84-001629407A03}"/>
          </ac:picMkLst>
        </pc:picChg>
        <pc:picChg chg="add del mod ord">
          <ac:chgData name="Matias Vázquez Piñón" userId="2f86a967-3c9c-4a39-b538-7e6c0574d83d" providerId="ADAL" clId="{214B05F5-CDC9-49A7-9890-C2F0602C8542}" dt="2022-08-16T19:05:06.534" v="2052" actId="478"/>
          <ac:picMkLst>
            <pc:docMk/>
            <pc:sldMk cId="583678347" sldId="288"/>
            <ac:picMk id="41" creationId="{7D263A68-790A-2CDE-352E-933C66BEAACE}"/>
          </ac:picMkLst>
        </pc:picChg>
        <pc:picChg chg="add del">
          <ac:chgData name="Matias Vázquez Piñón" userId="2f86a967-3c9c-4a39-b538-7e6c0574d83d" providerId="ADAL" clId="{214B05F5-CDC9-49A7-9890-C2F0602C8542}" dt="2022-08-16T19:05:08.888" v="2054" actId="22"/>
          <ac:picMkLst>
            <pc:docMk/>
            <pc:sldMk cId="583678347" sldId="288"/>
            <ac:picMk id="44" creationId="{A5DA45D5-00B1-5AB2-FC57-B5B606920AC4}"/>
          </ac:picMkLst>
        </pc:picChg>
        <pc:picChg chg="add mod ord">
          <ac:chgData name="Matias Vázquez Piñón" userId="2f86a967-3c9c-4a39-b538-7e6c0574d83d" providerId="ADAL" clId="{214B05F5-CDC9-49A7-9890-C2F0602C8542}" dt="2022-08-19T18:32:03.406" v="4743" actId="1076"/>
          <ac:picMkLst>
            <pc:docMk/>
            <pc:sldMk cId="583678347" sldId="288"/>
            <ac:picMk id="46" creationId="{9975ADA6-EC0F-9D28-5EFA-D889D33993D1}"/>
          </ac:picMkLst>
        </pc:picChg>
        <pc:inkChg chg="add del">
          <ac:chgData name="Matias Vázquez Piñón" userId="2f86a967-3c9c-4a39-b538-7e6c0574d83d" providerId="ADAL" clId="{214B05F5-CDC9-49A7-9890-C2F0602C8542}" dt="2022-08-19T18:31:48.075" v="4740" actId="9405"/>
          <ac:inkMkLst>
            <pc:docMk/>
            <pc:sldMk cId="583678347" sldId="288"/>
            <ac:inkMk id="2" creationId="{329F0004-10D3-BE4B-B65E-135F4E6E52A4}"/>
          </ac:inkMkLst>
        </pc:inkChg>
        <pc:inkChg chg="add del">
          <ac:chgData name="Matias Vázquez Piñón" userId="2f86a967-3c9c-4a39-b538-7e6c0574d83d" providerId="ADAL" clId="{214B05F5-CDC9-49A7-9890-C2F0602C8542}" dt="2022-08-19T18:31:47.374" v="4739" actId="9405"/>
          <ac:inkMkLst>
            <pc:docMk/>
            <pc:sldMk cId="583678347" sldId="288"/>
            <ac:inkMk id="4" creationId="{D8C8A966-5919-110C-534A-A6C9138F31DA}"/>
          </ac:inkMkLst>
        </pc:inkChg>
        <pc:inkChg chg="add del">
          <ac:chgData name="Matias Vázquez Piñón" userId="2f86a967-3c9c-4a39-b538-7e6c0574d83d" providerId="ADAL" clId="{214B05F5-CDC9-49A7-9890-C2F0602C8542}" dt="2022-08-16T21:00:59.460" v="2135" actId="478"/>
          <ac:inkMkLst>
            <pc:docMk/>
            <pc:sldMk cId="583678347" sldId="288"/>
            <ac:inkMk id="49" creationId="{ED578A67-EBF7-333A-88B8-7AEF1F1408F4}"/>
          </ac:inkMkLst>
        </pc:inkChg>
      </pc:sldChg>
      <pc:sldChg chg="addSp delSp modSp add mod">
        <pc:chgData name="Matias Vázquez Piñón" userId="2f86a967-3c9c-4a39-b538-7e6c0574d83d" providerId="ADAL" clId="{214B05F5-CDC9-49A7-9890-C2F0602C8542}" dt="2022-08-19T18:32:10.033" v="4745" actId="1035"/>
        <pc:sldMkLst>
          <pc:docMk/>
          <pc:sldMk cId="2261103467" sldId="289"/>
        </pc:sldMkLst>
        <pc:spChg chg="add del mod">
          <ac:chgData name="Matias Vázquez Piñón" userId="2f86a967-3c9c-4a39-b538-7e6c0574d83d" providerId="ADAL" clId="{214B05F5-CDC9-49A7-9890-C2F0602C8542}" dt="2022-08-16T19:06:13.962" v="2071" actId="22"/>
          <ac:spMkLst>
            <pc:docMk/>
            <pc:sldMk cId="2261103467" sldId="289"/>
            <ac:spMk id="5" creationId="{C3981586-0A65-F2C6-F866-84F1E52D50D1}"/>
          </ac:spMkLst>
        </pc:spChg>
        <pc:spChg chg="add mod">
          <ac:chgData name="Matias Vázquez Piñón" userId="2f86a967-3c9c-4a39-b538-7e6c0574d83d" providerId="ADAL" clId="{214B05F5-CDC9-49A7-9890-C2F0602C8542}" dt="2022-08-16T19:06:26.619" v="2073" actId="1076"/>
          <ac:spMkLst>
            <pc:docMk/>
            <pc:sldMk cId="2261103467" sldId="289"/>
            <ac:spMk id="10" creationId="{AA49A292-0953-7F5A-B02A-0B54C09335E4}"/>
          </ac:spMkLst>
        </pc:spChg>
        <pc:spChg chg="add mod">
          <ac:chgData name="Matias Vázquez Piñón" userId="2f86a967-3c9c-4a39-b538-7e6c0574d83d" providerId="ADAL" clId="{214B05F5-CDC9-49A7-9890-C2F0602C8542}" dt="2022-08-16T19:06:26.619" v="2073" actId="1076"/>
          <ac:spMkLst>
            <pc:docMk/>
            <pc:sldMk cId="2261103467" sldId="289"/>
            <ac:spMk id="11" creationId="{105BF316-1D90-1F6F-CCB1-C54B1A598CBF}"/>
          </ac:spMkLst>
        </pc:spChg>
        <pc:spChg chg="add mod">
          <ac:chgData name="Matias Vázquez Piñón" userId="2f86a967-3c9c-4a39-b538-7e6c0574d83d" providerId="ADAL" clId="{214B05F5-CDC9-49A7-9890-C2F0602C8542}" dt="2022-08-16T19:07:56.652" v="2112" actId="14100"/>
          <ac:spMkLst>
            <pc:docMk/>
            <pc:sldMk cId="2261103467" sldId="289"/>
            <ac:spMk id="12" creationId="{233441E0-7B18-0A73-33A4-63B762EAE8AE}"/>
          </ac:spMkLst>
        </pc:spChg>
        <pc:picChg chg="add del">
          <ac:chgData name="Matias Vázquez Piñón" userId="2f86a967-3c9c-4a39-b538-7e6c0574d83d" providerId="ADAL" clId="{214B05F5-CDC9-49A7-9890-C2F0602C8542}" dt="2022-08-16T19:06:09.858" v="2067" actId="22"/>
          <ac:picMkLst>
            <pc:docMk/>
            <pc:sldMk cId="2261103467" sldId="289"/>
            <ac:picMk id="4" creationId="{02775381-4E4F-6B17-F73E-7D32902F4A70}"/>
          </ac:picMkLst>
        </pc:picChg>
        <pc:picChg chg="add del">
          <ac:chgData name="Matias Vázquez Piñón" userId="2f86a967-3c9c-4a39-b538-7e6c0574d83d" providerId="ADAL" clId="{214B05F5-CDC9-49A7-9890-C2F0602C8542}" dt="2022-08-16T19:06:12.808" v="2070" actId="22"/>
          <ac:picMkLst>
            <pc:docMk/>
            <pc:sldMk cId="2261103467" sldId="289"/>
            <ac:picMk id="7" creationId="{1DE7C199-3051-ECC1-B5C2-396B726985AA}"/>
          </ac:picMkLst>
        </pc:picChg>
        <pc:picChg chg="add mod ord">
          <ac:chgData name="Matias Vázquez Piñón" userId="2f86a967-3c9c-4a39-b538-7e6c0574d83d" providerId="ADAL" clId="{214B05F5-CDC9-49A7-9890-C2F0602C8542}" dt="2022-08-19T18:32:10.033" v="4745" actId="1035"/>
          <ac:picMkLst>
            <pc:docMk/>
            <pc:sldMk cId="2261103467" sldId="289"/>
            <ac:picMk id="9" creationId="{5CFDBF66-B747-1A7E-314F-AB09BE80241E}"/>
          </ac:picMkLst>
        </pc:picChg>
        <pc:picChg chg="del">
          <ac:chgData name="Matias Vázquez Piñón" userId="2f86a967-3c9c-4a39-b538-7e6c0574d83d" providerId="ADAL" clId="{214B05F5-CDC9-49A7-9890-C2F0602C8542}" dt="2022-08-16T19:06:11.176" v="2068" actId="478"/>
          <ac:picMkLst>
            <pc:docMk/>
            <pc:sldMk cId="2261103467" sldId="289"/>
            <ac:picMk id="46" creationId="{9975ADA6-EC0F-9D28-5EFA-D889D33993D1}"/>
          </ac:picMkLst>
        </pc:picChg>
      </pc:sldChg>
      <pc:sldChg chg="addSp delSp modSp add mod">
        <pc:chgData name="Matias Vázquez Piñón" userId="2f86a967-3c9c-4a39-b538-7e6c0574d83d" providerId="ADAL" clId="{214B05F5-CDC9-49A7-9890-C2F0602C8542}" dt="2022-08-19T18:33:31.010" v="4764" actId="1037"/>
        <pc:sldMkLst>
          <pc:docMk/>
          <pc:sldMk cId="743029601" sldId="290"/>
        </pc:sldMkLst>
        <pc:spChg chg="add del mod">
          <ac:chgData name="Matias Vázquez Piñón" userId="2f86a967-3c9c-4a39-b538-7e6c0574d83d" providerId="ADAL" clId="{214B05F5-CDC9-49A7-9890-C2F0602C8542}" dt="2022-08-16T19:07:16.190" v="2078" actId="22"/>
          <ac:spMkLst>
            <pc:docMk/>
            <pc:sldMk cId="743029601" sldId="290"/>
            <ac:spMk id="2" creationId="{BA8C4456-A79F-B36C-E50C-651941BAD36A}"/>
          </ac:spMkLst>
        </pc:spChg>
        <pc:spChg chg="add mod">
          <ac:chgData name="Matias Vázquez Piñón" userId="2f86a967-3c9c-4a39-b538-7e6c0574d83d" providerId="ADAL" clId="{214B05F5-CDC9-49A7-9890-C2F0602C8542}" dt="2022-08-19T18:33:31.010" v="4764" actId="1037"/>
          <ac:spMkLst>
            <pc:docMk/>
            <pc:sldMk cId="743029601" sldId="290"/>
            <ac:spMk id="8" creationId="{832207E2-FD80-6C4A-7D9C-C612D8397552}"/>
          </ac:spMkLst>
        </pc:spChg>
        <pc:spChg chg="add del mod">
          <ac:chgData name="Matias Vázquez Piñón" userId="2f86a967-3c9c-4a39-b538-7e6c0574d83d" providerId="ADAL" clId="{214B05F5-CDC9-49A7-9890-C2F0602C8542}" dt="2022-08-16T19:14:28.856" v="2130" actId="478"/>
          <ac:spMkLst>
            <pc:docMk/>
            <pc:sldMk cId="743029601" sldId="290"/>
            <ac:spMk id="12" creationId="{0004C5CE-0910-E1A9-A194-8CC283007F24}"/>
          </ac:spMkLst>
        </pc:spChg>
        <pc:spChg chg="add mod">
          <ac:chgData name="Matias Vázquez Piñón" userId="2f86a967-3c9c-4a39-b538-7e6c0574d83d" providerId="ADAL" clId="{214B05F5-CDC9-49A7-9890-C2F0602C8542}" dt="2022-08-19T18:33:15.664" v="4762" actId="1076"/>
          <ac:spMkLst>
            <pc:docMk/>
            <pc:sldMk cId="743029601" sldId="290"/>
            <ac:spMk id="13" creationId="{C7B26FF1-8B10-AEF6-9048-F71D6DD8CF12}"/>
          </ac:spMkLst>
        </pc:spChg>
        <pc:picChg chg="add del">
          <ac:chgData name="Matias Vázquez Piñón" userId="2f86a967-3c9c-4a39-b538-7e6c0574d83d" providerId="ADAL" clId="{214B05F5-CDC9-49A7-9890-C2F0602C8542}" dt="2022-08-16T19:07:14.830" v="2077" actId="22"/>
          <ac:picMkLst>
            <pc:docMk/>
            <pc:sldMk cId="743029601" sldId="290"/>
            <ac:picMk id="5" creationId="{89E54946-5FCD-9636-E2EB-9653929199A6}"/>
          </ac:picMkLst>
        </pc:picChg>
        <pc:picChg chg="add mod ord">
          <ac:chgData name="Matias Vázquez Piñón" userId="2f86a967-3c9c-4a39-b538-7e6c0574d83d" providerId="ADAL" clId="{214B05F5-CDC9-49A7-9890-C2F0602C8542}" dt="2022-08-19T18:33:08.692" v="4761" actId="1038"/>
          <ac:picMkLst>
            <pc:docMk/>
            <pc:sldMk cId="743029601" sldId="290"/>
            <ac:picMk id="7" creationId="{F56FDFF9-5BF5-10E5-EB22-E0697BC97743}"/>
          </ac:picMkLst>
        </pc:picChg>
        <pc:picChg chg="del">
          <ac:chgData name="Matias Vázquez Piñón" userId="2f86a967-3c9c-4a39-b538-7e6c0574d83d" providerId="ADAL" clId="{214B05F5-CDC9-49A7-9890-C2F0602C8542}" dt="2022-08-16T19:07:13.129" v="2075" actId="478"/>
          <ac:picMkLst>
            <pc:docMk/>
            <pc:sldMk cId="743029601" sldId="290"/>
            <ac:picMk id="9" creationId="{5CFDBF66-B747-1A7E-314F-AB09BE80241E}"/>
          </ac:picMkLst>
        </pc:picChg>
      </pc:sldChg>
      <pc:sldChg chg="addSp delSp modSp new mod ord modClrScheme chgLayout">
        <pc:chgData name="Matias Vázquez Piñón" userId="2f86a967-3c9c-4a39-b538-7e6c0574d83d" providerId="ADAL" clId="{214B05F5-CDC9-49A7-9890-C2F0602C8542}" dt="2022-08-19T18:36:04.520" v="4780" actId="20577"/>
        <pc:sldMkLst>
          <pc:docMk/>
          <pc:sldMk cId="78100160" sldId="291"/>
        </pc:sldMkLst>
        <pc:spChg chg="mod ord">
          <ac:chgData name="Matias Vázquez Piñón" userId="2f86a967-3c9c-4a39-b538-7e6c0574d83d" providerId="ADAL" clId="{214B05F5-CDC9-49A7-9890-C2F0602C8542}" dt="2022-08-19T18:33:53.395" v="4772" actId="20577"/>
          <ac:spMkLst>
            <pc:docMk/>
            <pc:sldMk cId="78100160" sldId="291"/>
            <ac:spMk id="2" creationId="{581E08DD-13DB-C63D-B4AA-5598208E69DD}"/>
          </ac:spMkLst>
        </pc:spChg>
        <pc:spChg chg="mod ord">
          <ac:chgData name="Matias Vázquez Piñón" userId="2f86a967-3c9c-4a39-b538-7e6c0574d83d" providerId="ADAL" clId="{214B05F5-CDC9-49A7-9890-C2F0602C8542}" dt="2022-08-19T18:36:04.520" v="4780" actId="20577"/>
          <ac:spMkLst>
            <pc:docMk/>
            <pc:sldMk cId="78100160" sldId="291"/>
            <ac:spMk id="3" creationId="{242D24D5-BDA6-81EB-7E83-D194FDD73077}"/>
          </ac:spMkLst>
        </pc:spChg>
        <pc:spChg chg="mod ord">
          <ac:chgData name="Matias Vázquez Piñón" userId="2f86a967-3c9c-4a39-b538-7e6c0574d83d" providerId="ADAL" clId="{214B05F5-CDC9-49A7-9890-C2F0602C8542}" dt="2022-08-17T19:07:36.892" v="2987" actId="700"/>
          <ac:spMkLst>
            <pc:docMk/>
            <pc:sldMk cId="78100160" sldId="291"/>
            <ac:spMk id="4" creationId="{71BA6C5B-BACA-109D-AFF9-42F2CC2BB38C}"/>
          </ac:spMkLst>
        </pc:spChg>
        <pc:spChg chg="add del mod ord">
          <ac:chgData name="Matias Vázquez Piñón" userId="2f86a967-3c9c-4a39-b538-7e6c0574d83d" providerId="ADAL" clId="{214B05F5-CDC9-49A7-9890-C2F0602C8542}" dt="2022-08-17T18:55:44.474" v="2648" actId="3680"/>
          <ac:spMkLst>
            <pc:docMk/>
            <pc:sldMk cId="78100160" sldId="291"/>
            <ac:spMk id="5" creationId="{B33D2C45-389E-094E-A01D-D80DA2AD26DA}"/>
          </ac:spMkLst>
        </pc:spChg>
        <pc:spChg chg="add del mod">
          <ac:chgData name="Matias Vázquez Piñón" userId="2f86a967-3c9c-4a39-b538-7e6c0574d83d" providerId="ADAL" clId="{214B05F5-CDC9-49A7-9890-C2F0602C8542}" dt="2022-08-17T19:08:38.401" v="2992"/>
          <ac:spMkLst>
            <pc:docMk/>
            <pc:sldMk cId="78100160" sldId="291"/>
            <ac:spMk id="8" creationId="{0B20D7EE-F377-CDEA-43E3-713F59FA2302}"/>
          </ac:spMkLst>
        </pc:spChg>
        <pc:spChg chg="add mod ord">
          <ac:chgData name="Matias Vázquez Piñón" userId="2f86a967-3c9c-4a39-b538-7e6c0574d83d" providerId="ADAL" clId="{214B05F5-CDC9-49A7-9890-C2F0602C8542}" dt="2022-08-17T19:12:11.553" v="3057" actId="164"/>
          <ac:spMkLst>
            <pc:docMk/>
            <pc:sldMk cId="78100160" sldId="291"/>
            <ac:spMk id="11" creationId="{49138F92-0722-A6F0-01C5-565AEE23BE78}"/>
          </ac:spMkLst>
        </pc:spChg>
        <pc:spChg chg="add del mod">
          <ac:chgData name="Matias Vázquez Piñón" userId="2f86a967-3c9c-4a39-b538-7e6c0574d83d" providerId="ADAL" clId="{214B05F5-CDC9-49A7-9890-C2F0602C8542}" dt="2022-08-17T19:12:07.836" v="3056" actId="478"/>
          <ac:spMkLst>
            <pc:docMk/>
            <pc:sldMk cId="78100160" sldId="291"/>
            <ac:spMk id="16" creationId="{D69706A8-2DF1-5405-C259-F4197A5E0944}"/>
          </ac:spMkLst>
        </pc:spChg>
        <pc:spChg chg="mod">
          <ac:chgData name="Matias Vázquez Piñón" userId="2f86a967-3c9c-4a39-b538-7e6c0574d83d" providerId="ADAL" clId="{214B05F5-CDC9-49A7-9890-C2F0602C8542}" dt="2022-08-17T19:12:21.825" v="3061" actId="20577"/>
          <ac:spMkLst>
            <pc:docMk/>
            <pc:sldMk cId="78100160" sldId="291"/>
            <ac:spMk id="24" creationId="{4FBEF6FE-6168-4610-EFBD-DED39D48E273}"/>
          </ac:spMkLst>
        </pc:spChg>
        <pc:spChg chg="mod">
          <ac:chgData name="Matias Vázquez Piñón" userId="2f86a967-3c9c-4a39-b538-7e6c0574d83d" providerId="ADAL" clId="{214B05F5-CDC9-49A7-9890-C2F0602C8542}" dt="2022-08-17T19:12:57.249" v="3069" actId="20577"/>
          <ac:spMkLst>
            <pc:docMk/>
            <pc:sldMk cId="78100160" sldId="291"/>
            <ac:spMk id="27" creationId="{CF953649-B90F-0A3E-20C6-AB93DDAF9CB4}"/>
          </ac:spMkLst>
        </pc:spChg>
        <pc:spChg chg="mod">
          <ac:chgData name="Matias Vázquez Piñón" userId="2f86a967-3c9c-4a39-b538-7e6c0574d83d" providerId="ADAL" clId="{214B05F5-CDC9-49A7-9890-C2F0602C8542}" dt="2022-08-17T19:13:15.577" v="3073" actId="20577"/>
          <ac:spMkLst>
            <pc:docMk/>
            <pc:sldMk cId="78100160" sldId="291"/>
            <ac:spMk id="30" creationId="{9ADD1E59-259A-BF7D-6274-941BB58D809C}"/>
          </ac:spMkLst>
        </pc:spChg>
        <pc:spChg chg="mod">
          <ac:chgData name="Matias Vázquez Piñón" userId="2f86a967-3c9c-4a39-b538-7e6c0574d83d" providerId="ADAL" clId="{214B05F5-CDC9-49A7-9890-C2F0602C8542}" dt="2022-08-17T19:13:47.264" v="3075"/>
          <ac:spMkLst>
            <pc:docMk/>
            <pc:sldMk cId="78100160" sldId="291"/>
            <ac:spMk id="33" creationId="{6EE64D1E-B170-B81D-B957-E9CCFE3A5F3D}"/>
          </ac:spMkLst>
        </pc:spChg>
        <pc:spChg chg="add mod">
          <ac:chgData name="Matias Vázquez Piñón" userId="2f86a967-3c9c-4a39-b538-7e6c0574d83d" providerId="ADAL" clId="{214B05F5-CDC9-49A7-9890-C2F0602C8542}" dt="2022-08-17T19:21:01.972" v="3273" actId="1076"/>
          <ac:spMkLst>
            <pc:docMk/>
            <pc:sldMk cId="78100160" sldId="291"/>
            <ac:spMk id="34" creationId="{3841CD2D-470C-1E2C-B631-5D57FFDBAC10}"/>
          </ac:spMkLst>
        </pc:spChg>
        <pc:grpChg chg="add mod">
          <ac:chgData name="Matias Vázquez Piñón" userId="2f86a967-3c9c-4a39-b538-7e6c0574d83d" providerId="ADAL" clId="{214B05F5-CDC9-49A7-9890-C2F0602C8542}" dt="2022-08-17T19:12:32.654" v="3062" actId="1076"/>
          <ac:grpSpMkLst>
            <pc:docMk/>
            <pc:sldMk cId="78100160" sldId="291"/>
            <ac:grpSpMk id="21" creationId="{761D4D42-DA79-2058-96BE-98D588553C5D}"/>
          </ac:grpSpMkLst>
        </pc:grpChg>
        <pc:grpChg chg="add mod">
          <ac:chgData name="Matias Vázquez Piñón" userId="2f86a967-3c9c-4a39-b538-7e6c0574d83d" providerId="ADAL" clId="{214B05F5-CDC9-49A7-9890-C2F0602C8542}" dt="2022-08-17T19:13:32.792" v="3074" actId="465"/>
          <ac:grpSpMkLst>
            <pc:docMk/>
            <pc:sldMk cId="78100160" sldId="291"/>
            <ac:grpSpMk id="22" creationId="{83AB6E16-F2DD-F2A6-BABA-F2436E221043}"/>
          </ac:grpSpMkLst>
        </pc:grpChg>
        <pc:grpChg chg="add mod">
          <ac:chgData name="Matias Vázquez Piñón" userId="2f86a967-3c9c-4a39-b538-7e6c0574d83d" providerId="ADAL" clId="{214B05F5-CDC9-49A7-9890-C2F0602C8542}" dt="2022-08-17T19:13:32.792" v="3074" actId="465"/>
          <ac:grpSpMkLst>
            <pc:docMk/>
            <pc:sldMk cId="78100160" sldId="291"/>
            <ac:grpSpMk id="25" creationId="{E6C8E30A-AE0F-FC0B-15B6-820BDEF0F567}"/>
          </ac:grpSpMkLst>
        </pc:grpChg>
        <pc:grpChg chg="add mod">
          <ac:chgData name="Matias Vázquez Piñón" userId="2f86a967-3c9c-4a39-b538-7e6c0574d83d" providerId="ADAL" clId="{214B05F5-CDC9-49A7-9890-C2F0602C8542}" dt="2022-08-17T19:13:12.401" v="3072" actId="1076"/>
          <ac:grpSpMkLst>
            <pc:docMk/>
            <pc:sldMk cId="78100160" sldId="291"/>
            <ac:grpSpMk id="28" creationId="{89204CD0-5D63-82FE-9D3D-B4A72F369057}"/>
          </ac:grpSpMkLst>
        </pc:grpChg>
        <pc:grpChg chg="add del mod">
          <ac:chgData name="Matias Vázquez Piñón" userId="2f86a967-3c9c-4a39-b538-7e6c0574d83d" providerId="ADAL" clId="{214B05F5-CDC9-49A7-9890-C2F0602C8542}" dt="2022-08-17T19:13:49.317" v="3076"/>
          <ac:grpSpMkLst>
            <pc:docMk/>
            <pc:sldMk cId="78100160" sldId="291"/>
            <ac:grpSpMk id="31" creationId="{9E3540D2-04B8-763F-82FD-043D4A8F5864}"/>
          </ac:grpSpMkLst>
        </pc:grpChg>
        <pc:graphicFrameChg chg="add del mod ord modGraphic">
          <ac:chgData name="Matias Vázquez Piñón" userId="2f86a967-3c9c-4a39-b538-7e6c0574d83d" providerId="ADAL" clId="{214B05F5-CDC9-49A7-9890-C2F0602C8542}" dt="2022-08-17T19:07:50.126" v="2989" actId="21"/>
          <ac:graphicFrameMkLst>
            <pc:docMk/>
            <pc:sldMk cId="78100160" sldId="291"/>
            <ac:graphicFrameMk id="6" creationId="{1F0192F1-7BD2-67B4-B131-D73C1E137ECF}"/>
          </ac:graphicFrameMkLst>
        </pc:graphicFrameChg>
        <pc:graphicFrameChg chg="add mod">
          <ac:chgData name="Matias Vázquez Piñón" userId="2f86a967-3c9c-4a39-b538-7e6c0574d83d" providerId="ADAL" clId="{214B05F5-CDC9-49A7-9890-C2F0602C8542}" dt="2022-08-17T19:07:52.906" v="2990"/>
          <ac:graphicFrameMkLst>
            <pc:docMk/>
            <pc:sldMk cId="78100160" sldId="291"/>
            <ac:graphicFrameMk id="9" creationId="{BF6FD89B-7CD9-7F04-346F-DEC4EC11D5C4}"/>
          </ac:graphicFrameMkLst>
        </pc:graphicFrameChg>
        <pc:picChg chg="add mod">
          <ac:chgData name="Matias Vázquez Piñón" userId="2f86a967-3c9c-4a39-b538-7e6c0574d83d" providerId="ADAL" clId="{214B05F5-CDC9-49A7-9890-C2F0602C8542}" dt="2022-08-17T19:11:09.263" v="3036" actId="1076"/>
          <ac:picMkLst>
            <pc:docMk/>
            <pc:sldMk cId="78100160" sldId="291"/>
            <ac:picMk id="10" creationId="{02EBF181-C762-F823-844A-386880C7675F}"/>
          </ac:picMkLst>
        </pc:picChg>
        <pc:cxnChg chg="add mod">
          <ac:chgData name="Matias Vázquez Piñón" userId="2f86a967-3c9c-4a39-b538-7e6c0574d83d" providerId="ADAL" clId="{214B05F5-CDC9-49A7-9890-C2F0602C8542}" dt="2022-08-17T19:12:11.553" v="3057" actId="164"/>
          <ac:cxnSpMkLst>
            <pc:docMk/>
            <pc:sldMk cId="78100160" sldId="291"/>
            <ac:cxnSpMk id="13" creationId="{21335ABF-41F0-6610-F0B6-422B1669FC1B}"/>
          </ac:cxnSpMkLst>
        </pc:cxnChg>
        <pc:cxnChg chg="add del mod">
          <ac:chgData name="Matias Vázquez Piñón" userId="2f86a967-3c9c-4a39-b538-7e6c0574d83d" providerId="ADAL" clId="{214B05F5-CDC9-49A7-9890-C2F0602C8542}" dt="2022-08-17T19:12:07.836" v="3056" actId="478"/>
          <ac:cxnSpMkLst>
            <pc:docMk/>
            <pc:sldMk cId="78100160" sldId="291"/>
            <ac:cxnSpMk id="17" creationId="{79579E96-B5D1-B7B4-2A0C-7F48C714597A}"/>
          </ac:cxnSpMkLst>
        </pc:cxnChg>
        <pc:cxnChg chg="mod">
          <ac:chgData name="Matias Vázquez Piñón" userId="2f86a967-3c9c-4a39-b538-7e6c0574d83d" providerId="ADAL" clId="{214B05F5-CDC9-49A7-9890-C2F0602C8542}" dt="2022-08-17T19:12:13.759" v="3058"/>
          <ac:cxnSpMkLst>
            <pc:docMk/>
            <pc:sldMk cId="78100160" sldId="291"/>
            <ac:cxnSpMk id="23" creationId="{3E90722C-6744-D00E-73D6-D7EEF3CA726C}"/>
          </ac:cxnSpMkLst>
        </pc:cxnChg>
        <pc:cxnChg chg="mod">
          <ac:chgData name="Matias Vázquez Piñón" userId="2f86a967-3c9c-4a39-b538-7e6c0574d83d" providerId="ADAL" clId="{214B05F5-CDC9-49A7-9890-C2F0602C8542}" dt="2022-08-17T19:12:50.393" v="3064"/>
          <ac:cxnSpMkLst>
            <pc:docMk/>
            <pc:sldMk cId="78100160" sldId="291"/>
            <ac:cxnSpMk id="26" creationId="{AA8B83C2-66CB-3287-CAFE-00F5EF5C2EC8}"/>
          </ac:cxnSpMkLst>
        </pc:cxnChg>
        <pc:cxnChg chg="mod">
          <ac:chgData name="Matias Vázquez Piñón" userId="2f86a967-3c9c-4a39-b538-7e6c0574d83d" providerId="ADAL" clId="{214B05F5-CDC9-49A7-9890-C2F0602C8542}" dt="2022-08-17T19:13:05.861" v="3071"/>
          <ac:cxnSpMkLst>
            <pc:docMk/>
            <pc:sldMk cId="78100160" sldId="291"/>
            <ac:cxnSpMk id="29" creationId="{446AD56A-4FF0-50F5-51D4-832CBECF6880}"/>
          </ac:cxnSpMkLst>
        </pc:cxnChg>
        <pc:cxnChg chg="mod">
          <ac:chgData name="Matias Vázquez Piñón" userId="2f86a967-3c9c-4a39-b538-7e6c0574d83d" providerId="ADAL" clId="{214B05F5-CDC9-49A7-9890-C2F0602C8542}" dt="2022-08-17T19:13:47.264" v="3075"/>
          <ac:cxnSpMkLst>
            <pc:docMk/>
            <pc:sldMk cId="78100160" sldId="291"/>
            <ac:cxnSpMk id="32" creationId="{8DFA67AB-81EE-19EB-5CCE-0732A34B8EB7}"/>
          </ac:cxnSpMkLst>
        </pc:cxnChg>
      </pc:sldChg>
      <pc:sldChg chg="addSp delSp modSp new mod chgLayout">
        <pc:chgData name="Matias Vázquez Piñón" userId="2f86a967-3c9c-4a39-b538-7e6c0574d83d" providerId="ADAL" clId="{214B05F5-CDC9-49A7-9890-C2F0602C8542}" dt="2022-08-19T18:37:35.303" v="4789" actId="1076"/>
        <pc:sldMkLst>
          <pc:docMk/>
          <pc:sldMk cId="2174901691" sldId="292"/>
        </pc:sldMkLst>
        <pc:spChg chg="mod ord">
          <ac:chgData name="Matias Vázquez Piñón" userId="2f86a967-3c9c-4a39-b538-7e6c0574d83d" providerId="ADAL" clId="{214B05F5-CDC9-49A7-9890-C2F0602C8542}" dt="2022-08-17T20:04:54.627" v="4116" actId="700"/>
          <ac:spMkLst>
            <pc:docMk/>
            <pc:sldMk cId="2174901691" sldId="292"/>
            <ac:spMk id="2" creationId="{5DC7167D-D9A7-D0D4-2E3F-6A39F3781257}"/>
          </ac:spMkLst>
        </pc:spChg>
        <pc:spChg chg="mod ord">
          <ac:chgData name="Matias Vázquez Piñón" userId="2f86a967-3c9c-4a39-b538-7e6c0574d83d" providerId="ADAL" clId="{214B05F5-CDC9-49A7-9890-C2F0602C8542}" dt="2022-08-19T18:36:29.782" v="4785" actId="113"/>
          <ac:spMkLst>
            <pc:docMk/>
            <pc:sldMk cId="2174901691" sldId="292"/>
            <ac:spMk id="3" creationId="{8FBB4B95-CA66-41B8-A680-50D88D927887}"/>
          </ac:spMkLst>
        </pc:spChg>
        <pc:spChg chg="del">
          <ac:chgData name="Matias Vázquez Piñón" userId="2f86a967-3c9c-4a39-b538-7e6c0574d83d" providerId="ADAL" clId="{214B05F5-CDC9-49A7-9890-C2F0602C8542}" dt="2022-08-17T19:20:32.997" v="3272"/>
          <ac:spMkLst>
            <pc:docMk/>
            <pc:sldMk cId="2174901691" sldId="292"/>
            <ac:spMk id="4" creationId="{94EFD0BC-2F54-C49A-461D-7FFB8703D81A}"/>
          </ac:spMkLst>
        </pc:spChg>
        <pc:spChg chg="mod ord">
          <ac:chgData name="Matias Vázquez Piñón" userId="2f86a967-3c9c-4a39-b538-7e6c0574d83d" providerId="ADAL" clId="{214B05F5-CDC9-49A7-9890-C2F0602C8542}" dt="2022-08-17T20:04:54.627" v="4116" actId="700"/>
          <ac:spMkLst>
            <pc:docMk/>
            <pc:sldMk cId="2174901691" sldId="292"/>
            <ac:spMk id="5" creationId="{0B4F8D69-6A57-2C9E-F5A2-1A739B08C152}"/>
          </ac:spMkLst>
        </pc:spChg>
        <pc:spChg chg="add del mod">
          <ac:chgData name="Matias Vázquez Piñón" userId="2f86a967-3c9c-4a39-b538-7e6c0574d83d" providerId="ADAL" clId="{214B05F5-CDC9-49A7-9890-C2F0602C8542}" dt="2022-08-17T19:21:34.045" v="3295" actId="478"/>
          <ac:spMkLst>
            <pc:docMk/>
            <pc:sldMk cId="2174901691" sldId="292"/>
            <ac:spMk id="7" creationId="{1CA492DC-D8C1-37BE-3DF5-2E29BA093396}"/>
          </ac:spMkLst>
        </pc:spChg>
        <pc:spChg chg="add del mod">
          <ac:chgData name="Matias Vázquez Piñón" userId="2f86a967-3c9c-4a39-b538-7e6c0574d83d" providerId="ADAL" clId="{214B05F5-CDC9-49A7-9890-C2F0602C8542}" dt="2022-08-17T19:30:15.226" v="3840" actId="22"/>
          <ac:spMkLst>
            <pc:docMk/>
            <pc:sldMk cId="2174901691" sldId="292"/>
            <ac:spMk id="9" creationId="{A3D4785F-D968-0C0A-27E3-E85ED8BB451A}"/>
          </ac:spMkLst>
        </pc:spChg>
        <pc:spChg chg="add mod topLvl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15" creationId="{9B694F3A-4D28-5B1C-BBB8-4CA4131EC3FD}"/>
          </ac:spMkLst>
        </pc:spChg>
        <pc:spChg chg="add del mod topLvl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16" creationId="{100067ED-1760-B48F-ADA5-F935EEC9FE97}"/>
          </ac:spMkLst>
        </pc:spChg>
        <pc:spChg chg="add mod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18" creationId="{4DB831B6-4F82-752A-68E7-0590ABB01FDB}"/>
          </ac:spMkLst>
        </pc:spChg>
        <pc:spChg chg="add mod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19" creationId="{AE4BB06B-3082-F3B3-8963-D4233E45EE1B}"/>
          </ac:spMkLst>
        </pc:spChg>
        <pc:spChg chg="add mod">
          <ac:chgData name="Matias Vázquez Piñón" userId="2f86a967-3c9c-4a39-b538-7e6c0574d83d" providerId="ADAL" clId="{214B05F5-CDC9-49A7-9890-C2F0602C8542}" dt="2022-08-19T18:37:28.117" v="4788" actId="1076"/>
          <ac:spMkLst>
            <pc:docMk/>
            <pc:sldMk cId="2174901691" sldId="292"/>
            <ac:spMk id="46" creationId="{48F3F8A1-3F5B-90F4-D409-5ED1027FF659}"/>
          </ac:spMkLst>
        </pc:spChg>
        <pc:grpChg chg="add del mod">
          <ac:chgData name="Matias Vázquez Piñón" userId="2f86a967-3c9c-4a39-b538-7e6c0574d83d" providerId="ADAL" clId="{214B05F5-CDC9-49A7-9890-C2F0602C8542}" dt="2022-08-19T18:37:28.117" v="4788" actId="1076"/>
          <ac:grpSpMkLst>
            <pc:docMk/>
            <pc:sldMk cId="2174901691" sldId="292"/>
            <ac:grpSpMk id="14" creationId="{E516C5DE-3956-3104-57BC-D2670F147834}"/>
          </ac:grpSpMkLst>
        </pc:grpChg>
        <pc:grpChg chg="add mod">
          <ac:chgData name="Matias Vázquez Piñón" userId="2f86a967-3c9c-4a39-b538-7e6c0574d83d" providerId="ADAL" clId="{214B05F5-CDC9-49A7-9890-C2F0602C8542}" dt="2022-08-19T18:37:28.117" v="4788" actId="1076"/>
          <ac:grpSpMkLst>
            <pc:docMk/>
            <pc:sldMk cId="2174901691" sldId="292"/>
            <ac:grpSpMk id="17" creationId="{D89676E8-2CE0-A01E-C92E-36E147B910D8}"/>
          </ac:grpSpMkLst>
        </pc:grpChg>
        <pc:grpChg chg="mod">
          <ac:chgData name="Matias Vázquez Piñón" userId="2f86a967-3c9c-4a39-b538-7e6c0574d83d" providerId="ADAL" clId="{214B05F5-CDC9-49A7-9890-C2F0602C8542}" dt="2022-08-17T19:38:25.079" v="4020"/>
          <ac:grpSpMkLst>
            <pc:docMk/>
            <pc:sldMk cId="2174901691" sldId="292"/>
            <ac:grpSpMk id="22" creationId="{60DAB546-5B5A-C3AC-1836-88D4095CE2AA}"/>
          </ac:grpSpMkLst>
        </pc:grpChg>
        <pc:grpChg chg="mod">
          <ac:chgData name="Matias Vázquez Piñón" userId="2f86a967-3c9c-4a39-b538-7e6c0574d83d" providerId="ADAL" clId="{214B05F5-CDC9-49A7-9890-C2F0602C8542}" dt="2022-08-17T19:38:33.017" v="4026"/>
          <ac:grpSpMkLst>
            <pc:docMk/>
            <pc:sldMk cId="2174901691" sldId="292"/>
            <ac:grpSpMk id="25" creationId="{EF820740-A32B-63A7-5C1E-CF48CF556EE9}"/>
          </ac:grpSpMkLst>
        </pc:grpChg>
        <pc:grpChg chg="mod">
          <ac:chgData name="Matias Vázquez Piñón" userId="2f86a967-3c9c-4a39-b538-7e6c0574d83d" providerId="ADAL" clId="{214B05F5-CDC9-49A7-9890-C2F0602C8542}" dt="2022-08-17T19:38:38.221" v="4032"/>
          <ac:grpSpMkLst>
            <pc:docMk/>
            <pc:sldMk cId="2174901691" sldId="292"/>
            <ac:grpSpMk id="28" creationId="{15ACE70D-165D-E752-A0B9-063D3992C3C6}"/>
          </ac:grpSpMkLst>
        </pc:grpChg>
        <pc:grpChg chg="mod">
          <ac:chgData name="Matias Vázquez Piñón" userId="2f86a967-3c9c-4a39-b538-7e6c0574d83d" providerId="ADAL" clId="{214B05F5-CDC9-49A7-9890-C2F0602C8542}" dt="2022-08-17T19:39:17.989" v="4049"/>
          <ac:grpSpMkLst>
            <pc:docMk/>
            <pc:sldMk cId="2174901691" sldId="292"/>
            <ac:grpSpMk id="41" creationId="{14C177CF-D330-4766-B7FC-E148804E195A}"/>
          </ac:grpSpMkLst>
        </pc:grpChg>
        <pc:grpChg chg="del mod">
          <ac:chgData name="Matias Vázquez Piñón" userId="2f86a967-3c9c-4a39-b538-7e6c0574d83d" providerId="ADAL" clId="{214B05F5-CDC9-49A7-9890-C2F0602C8542}" dt="2022-08-17T19:39:36.702" v="4064" actId="478"/>
          <ac:grpSpMkLst>
            <pc:docMk/>
            <pc:sldMk cId="2174901691" sldId="292"/>
            <ac:grpSpMk id="45" creationId="{B32B9FDD-9598-0584-5D9A-E3E932E2204D}"/>
          </ac:grpSpMkLst>
        </pc:grpChg>
        <pc:graphicFrameChg chg="add mod modGraphic">
          <ac:chgData name="Matias Vázquez Piñón" userId="2f86a967-3c9c-4a39-b538-7e6c0574d83d" providerId="ADAL" clId="{214B05F5-CDC9-49A7-9890-C2F0602C8542}" dt="2022-08-17T19:42:26.147" v="4073" actId="1076"/>
          <ac:graphicFrameMkLst>
            <pc:docMk/>
            <pc:sldMk cId="2174901691" sldId="292"/>
            <ac:graphicFrameMk id="8" creationId="{EABD6B9B-78BB-21DA-47D5-0929F7704E91}"/>
          </ac:graphicFrameMkLst>
        </pc:graphicFrameChg>
        <pc:picChg chg="add del mod">
          <ac:chgData name="Matias Vázquez Piñón" userId="2f86a967-3c9c-4a39-b538-7e6c0574d83d" providerId="ADAL" clId="{214B05F5-CDC9-49A7-9890-C2F0602C8542}" dt="2022-08-17T19:30:12.595" v="3837" actId="478"/>
          <ac:picMkLst>
            <pc:docMk/>
            <pc:sldMk cId="2174901691" sldId="292"/>
            <ac:picMk id="6" creationId="{8E088B86-7314-60A8-60CA-919736FB5681}"/>
          </ac:picMkLst>
        </pc:picChg>
        <pc:picChg chg="add del">
          <ac:chgData name="Matias Vázquez Piñón" userId="2f86a967-3c9c-4a39-b538-7e6c0574d83d" providerId="ADAL" clId="{214B05F5-CDC9-49A7-9890-C2F0602C8542}" dt="2022-08-17T19:30:14.068" v="3839" actId="22"/>
          <ac:picMkLst>
            <pc:docMk/>
            <pc:sldMk cId="2174901691" sldId="292"/>
            <ac:picMk id="11" creationId="{FD48E3F8-F8CC-9311-3812-3ED1385FC34E}"/>
          </ac:picMkLst>
        </pc:picChg>
        <pc:picChg chg="add mod ord">
          <ac:chgData name="Matias Vázquez Piñón" userId="2f86a967-3c9c-4a39-b538-7e6c0574d83d" providerId="ADAL" clId="{214B05F5-CDC9-49A7-9890-C2F0602C8542}" dt="2022-08-19T18:37:28.117" v="4788" actId="1076"/>
          <ac:picMkLst>
            <pc:docMk/>
            <pc:sldMk cId="2174901691" sldId="292"/>
            <ac:picMk id="13" creationId="{783C928D-9F8D-86CA-A5AE-925878EA3B22}"/>
          </ac:picMkLst>
        </pc:picChg>
        <pc:picChg chg="add mod">
          <ac:chgData name="Matias Vázquez Piñón" userId="2f86a967-3c9c-4a39-b538-7e6c0574d83d" providerId="ADAL" clId="{214B05F5-CDC9-49A7-9890-C2F0602C8542}" dt="2022-08-19T18:37:35.303" v="4789" actId="1076"/>
          <ac:picMkLst>
            <pc:docMk/>
            <pc:sldMk cId="2174901691" sldId="292"/>
            <ac:picMk id="1026" creationId="{8759E1F0-4B50-2D98-6D77-909EF664500B}"/>
          </ac:picMkLst>
        </pc:picChg>
        <pc:inkChg chg="add del mod">
          <ac:chgData name="Matias Vázquez Piñón" userId="2f86a967-3c9c-4a39-b538-7e6c0574d83d" providerId="ADAL" clId="{214B05F5-CDC9-49A7-9890-C2F0602C8542}" dt="2022-08-17T19:38:25.951" v="4021" actId="9405"/>
          <ac:inkMkLst>
            <pc:docMk/>
            <pc:sldMk cId="2174901691" sldId="292"/>
            <ac:inkMk id="20" creationId="{B88B4AA6-82FC-EFD7-EF17-1E0BC69F94D0}"/>
          </ac:inkMkLst>
        </pc:inkChg>
        <pc:inkChg chg="add del mod">
          <ac:chgData name="Matias Vázquez Piñón" userId="2f86a967-3c9c-4a39-b538-7e6c0574d83d" providerId="ADAL" clId="{214B05F5-CDC9-49A7-9890-C2F0602C8542}" dt="2022-08-17T19:38:25.079" v="4020"/>
          <ac:inkMkLst>
            <pc:docMk/>
            <pc:sldMk cId="2174901691" sldId="292"/>
            <ac:inkMk id="21" creationId="{EBD6339F-9486-78A4-0797-9C98A0340095}"/>
          </ac:inkMkLst>
        </pc:inkChg>
        <pc:inkChg chg="add del mod">
          <ac:chgData name="Matias Vázquez Piñón" userId="2f86a967-3c9c-4a39-b538-7e6c0574d83d" providerId="ADAL" clId="{214B05F5-CDC9-49A7-9890-C2F0602C8542}" dt="2022-08-17T19:38:33.718" v="4027" actId="9405"/>
          <ac:inkMkLst>
            <pc:docMk/>
            <pc:sldMk cId="2174901691" sldId="292"/>
            <ac:inkMk id="23" creationId="{F5DFDFCA-C028-0F8E-51CC-98A7A6A24994}"/>
          </ac:inkMkLst>
        </pc:inkChg>
        <pc:inkChg chg="add del mod">
          <ac:chgData name="Matias Vázquez Piñón" userId="2f86a967-3c9c-4a39-b538-7e6c0574d83d" providerId="ADAL" clId="{214B05F5-CDC9-49A7-9890-C2F0602C8542}" dt="2022-08-17T19:38:33.017" v="4026"/>
          <ac:inkMkLst>
            <pc:docMk/>
            <pc:sldMk cId="2174901691" sldId="292"/>
            <ac:inkMk id="24" creationId="{92685F6C-C97E-5414-77BB-FFB21CFE6E1B}"/>
          </ac:inkMkLst>
        </pc:inkChg>
        <pc:inkChg chg="add del mod">
          <ac:chgData name="Matias Vázquez Piñón" userId="2f86a967-3c9c-4a39-b538-7e6c0574d83d" providerId="ADAL" clId="{214B05F5-CDC9-49A7-9890-C2F0602C8542}" dt="2022-08-17T19:38:38.929" v="4033" actId="9405"/>
          <ac:inkMkLst>
            <pc:docMk/>
            <pc:sldMk cId="2174901691" sldId="292"/>
            <ac:inkMk id="26" creationId="{D69B750C-A21A-5C3F-EDA2-60CBE675AD9C}"/>
          </ac:inkMkLst>
        </pc:inkChg>
        <pc:inkChg chg="add del mod">
          <ac:chgData name="Matias Vázquez Piñón" userId="2f86a967-3c9c-4a39-b538-7e6c0574d83d" providerId="ADAL" clId="{214B05F5-CDC9-49A7-9890-C2F0602C8542}" dt="2022-08-17T19:38:38.221" v="4032"/>
          <ac:inkMkLst>
            <pc:docMk/>
            <pc:sldMk cId="2174901691" sldId="292"/>
            <ac:inkMk id="27" creationId="{A6F8F695-F06A-A690-FEBF-66BDC6E2A5A8}"/>
          </ac:inkMkLst>
        </pc:inkChg>
        <pc:inkChg chg="add del">
          <ac:chgData name="Matias Vázquez Piñón" userId="2f86a967-3c9c-4a39-b538-7e6c0574d83d" providerId="ADAL" clId="{214B05F5-CDC9-49A7-9890-C2F0602C8542}" dt="2022-08-17T19:38:45.455" v="4035" actId="9405"/>
          <ac:inkMkLst>
            <pc:docMk/>
            <pc:sldMk cId="2174901691" sldId="292"/>
            <ac:inkMk id="29" creationId="{BEBCE6EE-4EDB-D597-B7EB-7E41F8E5E7AC}"/>
          </ac:inkMkLst>
        </pc:inkChg>
        <pc:inkChg chg="add del mod">
          <ac:chgData name="Matias Vázquez Piñón" userId="2f86a967-3c9c-4a39-b538-7e6c0574d83d" providerId="ADAL" clId="{214B05F5-CDC9-49A7-9890-C2F0602C8542}" dt="2022-08-17T19:39:21.712" v="4059" actId="9405"/>
          <ac:inkMkLst>
            <pc:docMk/>
            <pc:sldMk cId="2174901691" sldId="292"/>
            <ac:inkMk id="30" creationId="{F16F04D3-E731-D77E-0750-2DD549978C5D}"/>
          </ac:inkMkLst>
        </pc:inkChg>
        <pc:inkChg chg="add del mod">
          <ac:chgData name="Matias Vázquez Piñón" userId="2f86a967-3c9c-4a39-b538-7e6c0574d83d" providerId="ADAL" clId="{214B05F5-CDC9-49A7-9890-C2F0602C8542}" dt="2022-08-17T19:39:21.290" v="4058" actId="9405"/>
          <ac:inkMkLst>
            <pc:docMk/>
            <pc:sldMk cId="2174901691" sldId="292"/>
            <ac:inkMk id="31" creationId="{044B3B79-4CC3-B69C-3BC2-F74A9EE8FC4D}"/>
          </ac:inkMkLst>
        </pc:inkChg>
        <pc:inkChg chg="add del mod">
          <ac:chgData name="Matias Vázquez Piñón" userId="2f86a967-3c9c-4a39-b538-7e6c0574d83d" providerId="ADAL" clId="{214B05F5-CDC9-49A7-9890-C2F0602C8542}" dt="2022-08-17T19:39:20.925" v="4057" actId="9405"/>
          <ac:inkMkLst>
            <pc:docMk/>
            <pc:sldMk cId="2174901691" sldId="292"/>
            <ac:inkMk id="32" creationId="{1E5AB786-4B33-F2C2-EADB-3C3D90256D84}"/>
          </ac:inkMkLst>
        </pc:inkChg>
        <pc:inkChg chg="add del mod">
          <ac:chgData name="Matias Vázquez Piñón" userId="2f86a967-3c9c-4a39-b538-7e6c0574d83d" providerId="ADAL" clId="{214B05F5-CDC9-49A7-9890-C2F0602C8542}" dt="2022-08-17T19:39:20.534" v="4056" actId="9405"/>
          <ac:inkMkLst>
            <pc:docMk/>
            <pc:sldMk cId="2174901691" sldId="292"/>
            <ac:inkMk id="33" creationId="{C19FC9F2-3CD4-B461-08E6-FA0CA92EE860}"/>
          </ac:inkMkLst>
        </pc:inkChg>
        <pc:inkChg chg="add del mod">
          <ac:chgData name="Matias Vázquez Piñón" userId="2f86a967-3c9c-4a39-b538-7e6c0574d83d" providerId="ADAL" clId="{214B05F5-CDC9-49A7-9890-C2F0602C8542}" dt="2022-08-17T19:39:20.229" v="4055" actId="9405"/>
          <ac:inkMkLst>
            <pc:docMk/>
            <pc:sldMk cId="2174901691" sldId="292"/>
            <ac:inkMk id="34" creationId="{86CF0AC0-8CCC-686B-F9A1-F495016F92F6}"/>
          </ac:inkMkLst>
        </pc:inkChg>
        <pc:inkChg chg="add del mod">
          <ac:chgData name="Matias Vázquez Piñón" userId="2f86a967-3c9c-4a39-b538-7e6c0574d83d" providerId="ADAL" clId="{214B05F5-CDC9-49A7-9890-C2F0602C8542}" dt="2022-08-17T19:39:19.963" v="4054" actId="9405"/>
          <ac:inkMkLst>
            <pc:docMk/>
            <pc:sldMk cId="2174901691" sldId="292"/>
            <ac:inkMk id="35" creationId="{3FC3AFB6-5C89-B0CF-1AF8-DF5A1CCA4F5B}"/>
          </ac:inkMkLst>
        </pc:inkChg>
        <pc:inkChg chg="add del mod">
          <ac:chgData name="Matias Vázquez Piñón" userId="2f86a967-3c9c-4a39-b538-7e6c0574d83d" providerId="ADAL" clId="{214B05F5-CDC9-49A7-9890-C2F0602C8542}" dt="2022-08-17T19:39:19.635" v="4053" actId="9405"/>
          <ac:inkMkLst>
            <pc:docMk/>
            <pc:sldMk cId="2174901691" sldId="292"/>
            <ac:inkMk id="36" creationId="{772EF084-6936-A1B6-3DB7-7A84D936E227}"/>
          </ac:inkMkLst>
        </pc:inkChg>
        <pc:inkChg chg="add del mod">
          <ac:chgData name="Matias Vázquez Piñón" userId="2f86a967-3c9c-4a39-b538-7e6c0574d83d" providerId="ADAL" clId="{214B05F5-CDC9-49A7-9890-C2F0602C8542}" dt="2022-08-17T19:39:19.253" v="4052" actId="9405"/>
          <ac:inkMkLst>
            <pc:docMk/>
            <pc:sldMk cId="2174901691" sldId="292"/>
            <ac:inkMk id="37" creationId="{E31AE500-0FC9-2681-E2CB-3ACEA4F0F185}"/>
          </ac:inkMkLst>
        </pc:inkChg>
        <pc:inkChg chg="add del mod">
          <ac:chgData name="Matias Vázquez Piñón" userId="2f86a967-3c9c-4a39-b538-7e6c0574d83d" providerId="ADAL" clId="{214B05F5-CDC9-49A7-9890-C2F0602C8542}" dt="2022-08-17T19:39:18.898" v="4051" actId="9405"/>
          <ac:inkMkLst>
            <pc:docMk/>
            <pc:sldMk cId="2174901691" sldId="292"/>
            <ac:inkMk id="38" creationId="{B7DDDC5B-2982-83B7-FDE2-B5D1F5C1B9EC}"/>
          </ac:inkMkLst>
        </pc:inkChg>
        <pc:inkChg chg="add del mod">
          <ac:chgData name="Matias Vázquez Piñón" userId="2f86a967-3c9c-4a39-b538-7e6c0574d83d" providerId="ADAL" clId="{214B05F5-CDC9-49A7-9890-C2F0602C8542}" dt="2022-08-17T19:39:18.500" v="4050" actId="9405"/>
          <ac:inkMkLst>
            <pc:docMk/>
            <pc:sldMk cId="2174901691" sldId="292"/>
            <ac:inkMk id="39" creationId="{A7F76F15-1C58-3CE0-5204-20AD8473CE09}"/>
          </ac:inkMkLst>
        </pc:inkChg>
        <pc:inkChg chg="add del mod">
          <ac:chgData name="Matias Vázquez Piñón" userId="2f86a967-3c9c-4a39-b538-7e6c0574d83d" providerId="ADAL" clId="{214B05F5-CDC9-49A7-9890-C2F0602C8542}" dt="2022-08-17T19:39:17.989" v="4049"/>
          <ac:inkMkLst>
            <pc:docMk/>
            <pc:sldMk cId="2174901691" sldId="292"/>
            <ac:inkMk id="40" creationId="{E4418973-9E2B-A7C0-8914-6D1E922301C6}"/>
          </ac:inkMkLst>
        </pc:inkChg>
        <pc:inkChg chg="add del">
          <ac:chgData name="Matias Vázquez Piñón" userId="2f86a967-3c9c-4a39-b538-7e6c0574d83d" providerId="ADAL" clId="{214B05F5-CDC9-49A7-9890-C2F0602C8542}" dt="2022-08-17T19:39:36.702" v="4064" actId="478"/>
          <ac:inkMkLst>
            <pc:docMk/>
            <pc:sldMk cId="2174901691" sldId="292"/>
            <ac:inkMk id="42" creationId="{4567E23F-7793-67B7-110F-79ADADCA6F34}"/>
          </ac:inkMkLst>
        </pc:inkChg>
        <pc:inkChg chg="add mod">
          <ac:chgData name="Matias Vázquez Piñón" userId="2f86a967-3c9c-4a39-b538-7e6c0574d83d" providerId="ADAL" clId="{214B05F5-CDC9-49A7-9890-C2F0602C8542}" dt="2022-08-17T19:39:34.968" v="4063"/>
          <ac:inkMkLst>
            <pc:docMk/>
            <pc:sldMk cId="2174901691" sldId="292"/>
            <ac:inkMk id="43" creationId="{90EE4304-2A46-1CEB-80EB-9E851FB6D5E0}"/>
          </ac:inkMkLst>
        </pc:inkChg>
        <pc:inkChg chg="add mod">
          <ac:chgData name="Matias Vázquez Piñón" userId="2f86a967-3c9c-4a39-b538-7e6c0574d83d" providerId="ADAL" clId="{214B05F5-CDC9-49A7-9890-C2F0602C8542}" dt="2022-08-17T19:39:34.968" v="4063"/>
          <ac:inkMkLst>
            <pc:docMk/>
            <pc:sldMk cId="2174901691" sldId="292"/>
            <ac:inkMk id="44" creationId="{CCB0F8F6-CD40-E822-BDE0-2853F3D8E55E}"/>
          </ac:inkMkLst>
        </pc:inkChg>
      </pc:sldChg>
      <pc:sldChg chg="addSp delSp modSp new mod">
        <pc:chgData name="Matias Vázquez Piñón" userId="2f86a967-3c9c-4a39-b538-7e6c0574d83d" providerId="ADAL" clId="{214B05F5-CDC9-49A7-9890-C2F0602C8542}" dt="2022-08-19T18:45:49.534" v="4823" actId="1076"/>
        <pc:sldMkLst>
          <pc:docMk/>
          <pc:sldMk cId="458490763" sldId="293"/>
        </pc:sldMkLst>
        <pc:spChg chg="mod">
          <ac:chgData name="Matias Vázquez Piñón" userId="2f86a967-3c9c-4a39-b538-7e6c0574d83d" providerId="ADAL" clId="{214B05F5-CDC9-49A7-9890-C2F0602C8542}" dt="2022-08-17T20:05:49.089" v="4159" actId="20577"/>
          <ac:spMkLst>
            <pc:docMk/>
            <pc:sldMk cId="458490763" sldId="293"/>
            <ac:spMk id="2" creationId="{6F4D1C85-92E6-E31C-8F46-D290AE28BF82}"/>
          </ac:spMkLst>
        </pc:spChg>
        <pc:spChg chg="del">
          <ac:chgData name="Matias Vázquez Piñón" userId="2f86a967-3c9c-4a39-b538-7e6c0574d83d" providerId="ADAL" clId="{214B05F5-CDC9-49A7-9890-C2F0602C8542}" dt="2022-08-17T20:05:05.136" v="4120" actId="22"/>
          <ac:spMkLst>
            <pc:docMk/>
            <pc:sldMk cId="458490763" sldId="293"/>
            <ac:spMk id="3" creationId="{16CAB977-02B3-7AA0-1256-724986DE772A}"/>
          </ac:spMkLst>
        </pc:spChg>
        <pc:spChg chg="add del mod">
          <ac:chgData name="Matias Vázquez Piñón" userId="2f86a967-3c9c-4a39-b538-7e6c0574d83d" providerId="ADAL" clId="{214B05F5-CDC9-49A7-9890-C2F0602C8542}" dt="2022-08-17T20:12:49.399" v="4579" actId="22"/>
          <ac:spMkLst>
            <pc:docMk/>
            <pc:sldMk cId="458490763" sldId="293"/>
            <ac:spMk id="4" creationId="{8BEC1CDA-D7D7-B029-FF4D-14DE639C95C3}"/>
          </ac:spMkLst>
        </pc:spChg>
        <pc:spChg chg="add mod">
          <ac:chgData name="Matias Vázquez Piñón" userId="2f86a967-3c9c-4a39-b538-7e6c0574d83d" providerId="ADAL" clId="{214B05F5-CDC9-49A7-9890-C2F0602C8542}" dt="2022-08-19T18:43:27.340" v="4822" actId="20577"/>
          <ac:spMkLst>
            <pc:docMk/>
            <pc:sldMk cId="458490763" sldId="293"/>
            <ac:spMk id="10" creationId="{69FB9E97-0014-4342-81E3-C862180A5901}"/>
          </ac:spMkLst>
        </pc:spChg>
        <pc:picChg chg="add del mod ord">
          <ac:chgData name="Matias Vázquez Piñón" userId="2f86a967-3c9c-4a39-b538-7e6c0574d83d" providerId="ADAL" clId="{214B05F5-CDC9-49A7-9890-C2F0602C8542}" dt="2022-08-17T20:05:03.906" v="4119" actId="22"/>
          <ac:picMkLst>
            <pc:docMk/>
            <pc:sldMk cId="458490763" sldId="293"/>
            <ac:picMk id="7" creationId="{D6D43A4D-3121-6179-F648-EB48D76A35AE}"/>
          </ac:picMkLst>
        </pc:picChg>
        <pc:picChg chg="add del mod ord">
          <ac:chgData name="Matias Vázquez Piñón" userId="2f86a967-3c9c-4a39-b538-7e6c0574d83d" providerId="ADAL" clId="{214B05F5-CDC9-49A7-9890-C2F0602C8542}" dt="2022-08-17T20:12:16.282" v="4576" actId="478"/>
          <ac:picMkLst>
            <pc:docMk/>
            <pc:sldMk cId="458490763" sldId="293"/>
            <ac:picMk id="9" creationId="{E25432B3-6901-1FBE-B62B-FA4C5F2C58CA}"/>
          </ac:picMkLst>
        </pc:picChg>
        <pc:picChg chg="add mod ord">
          <ac:chgData name="Matias Vázquez Piñón" userId="2f86a967-3c9c-4a39-b538-7e6c0574d83d" providerId="ADAL" clId="{214B05F5-CDC9-49A7-9890-C2F0602C8542}" dt="2022-08-17T20:15:38.285" v="4598" actId="1076"/>
          <ac:picMkLst>
            <pc:docMk/>
            <pc:sldMk cId="458490763" sldId="293"/>
            <ac:picMk id="12" creationId="{DAD7C934-2BAC-C627-6E29-B0454AD50DE0}"/>
          </ac:picMkLst>
        </pc:picChg>
        <pc:picChg chg="add mod">
          <ac:chgData name="Matias Vázquez Piñón" userId="2f86a967-3c9c-4a39-b538-7e6c0574d83d" providerId="ADAL" clId="{214B05F5-CDC9-49A7-9890-C2F0602C8542}" dt="2022-08-17T20:16:44.540" v="4611" actId="1076"/>
          <ac:picMkLst>
            <pc:docMk/>
            <pc:sldMk cId="458490763" sldId="293"/>
            <ac:picMk id="14" creationId="{C21FF47B-73DA-89A3-05F9-7E9842A903BC}"/>
          </ac:picMkLst>
        </pc:picChg>
        <pc:picChg chg="add mod">
          <ac:chgData name="Matias Vázquez Piñón" userId="2f86a967-3c9c-4a39-b538-7e6c0574d83d" providerId="ADAL" clId="{214B05F5-CDC9-49A7-9890-C2F0602C8542}" dt="2022-08-19T18:45:49.534" v="4823" actId="1076"/>
          <ac:picMkLst>
            <pc:docMk/>
            <pc:sldMk cId="458490763" sldId="293"/>
            <ac:picMk id="16" creationId="{88016798-70F0-99FF-A7CF-DF37D17E171F}"/>
          </ac:picMkLst>
        </pc:picChg>
        <pc:picChg chg="add mod">
          <ac:chgData name="Matias Vázquez Piñón" userId="2f86a967-3c9c-4a39-b538-7e6c0574d83d" providerId="ADAL" clId="{214B05F5-CDC9-49A7-9890-C2F0602C8542}" dt="2022-08-17T20:16:20.113" v="4604" actId="14100"/>
          <ac:picMkLst>
            <pc:docMk/>
            <pc:sldMk cId="458490763" sldId="293"/>
            <ac:picMk id="18" creationId="{76CDAA89-1332-FFB0-5E39-313575AB88E5}"/>
          </ac:picMkLst>
        </pc:picChg>
        <pc:picChg chg="add mod">
          <ac:chgData name="Matias Vázquez Piñón" userId="2f86a967-3c9c-4a39-b538-7e6c0574d83d" providerId="ADAL" clId="{214B05F5-CDC9-49A7-9890-C2F0602C8542}" dt="2022-08-17T20:16:37.156" v="4607" actId="1076"/>
          <ac:picMkLst>
            <pc:docMk/>
            <pc:sldMk cId="458490763" sldId="293"/>
            <ac:picMk id="20" creationId="{363F005B-9421-C898-04F7-6F3B07764310}"/>
          </ac:picMkLst>
        </pc:picChg>
      </pc:sldChg>
      <pc:sldChg chg="addSp delSp modSp new del mod">
        <pc:chgData name="Matias Vázquez Piñón" userId="2f86a967-3c9c-4a39-b538-7e6c0574d83d" providerId="ADAL" clId="{214B05F5-CDC9-49A7-9890-C2F0602C8542}" dt="2022-08-19T18:30:25.967" v="4736" actId="47"/>
        <pc:sldMkLst>
          <pc:docMk/>
          <pc:sldMk cId="474326173" sldId="294"/>
        </pc:sldMkLst>
        <pc:spChg chg="del">
          <ac:chgData name="Matias Vázquez Piñón" userId="2f86a967-3c9c-4a39-b538-7e6c0574d83d" providerId="ADAL" clId="{214B05F5-CDC9-49A7-9890-C2F0602C8542}" dt="2022-08-19T18:29:10.512" v="4687" actId="478"/>
          <ac:spMkLst>
            <pc:docMk/>
            <pc:sldMk cId="474326173" sldId="294"/>
            <ac:spMk id="2" creationId="{9B576DD8-B15C-C772-0E62-EA3F551DFBAE}"/>
          </ac:spMkLst>
        </pc:spChg>
        <pc:spChg chg="del">
          <ac:chgData name="Matias Vázquez Piñón" userId="2f86a967-3c9c-4a39-b538-7e6c0574d83d" providerId="ADAL" clId="{214B05F5-CDC9-49A7-9890-C2F0602C8542}" dt="2022-08-19T18:29:09.361" v="4686" actId="478"/>
          <ac:spMkLst>
            <pc:docMk/>
            <pc:sldMk cId="474326173" sldId="294"/>
            <ac:spMk id="3" creationId="{B7D39F80-560F-0D7C-E2EF-BAE0E5C3CE89}"/>
          </ac:spMkLst>
        </pc:spChg>
        <pc:grpChg chg="del mod">
          <ac:chgData name="Matias Vázquez Piñón" userId="2f86a967-3c9c-4a39-b538-7e6c0574d83d" providerId="ADAL" clId="{214B05F5-CDC9-49A7-9890-C2F0602C8542}" dt="2022-08-19T18:29:54.859" v="4705"/>
          <ac:grpSpMkLst>
            <pc:docMk/>
            <pc:sldMk cId="474326173" sldId="294"/>
            <ac:grpSpMk id="19" creationId="{0620E78B-078B-DBDA-97B1-B6CFB6C30AAF}"/>
          </ac:grpSpMkLst>
        </pc:grpChg>
        <pc:grpChg chg="mod">
          <ac:chgData name="Matias Vázquez Piñón" userId="2f86a967-3c9c-4a39-b538-7e6c0574d83d" providerId="ADAL" clId="{214B05F5-CDC9-49A7-9890-C2F0602C8542}" dt="2022-08-19T18:29:53.496" v="4702"/>
          <ac:grpSpMkLst>
            <pc:docMk/>
            <pc:sldMk cId="474326173" sldId="294"/>
            <ac:grpSpMk id="20" creationId="{854C0B4D-8297-31B2-17A5-14F2B588DC5A}"/>
          </ac:grpSpMkLst>
        </pc:grpChg>
        <pc:grpChg chg="del mod">
          <ac:chgData name="Matias Vázquez Piñón" userId="2f86a967-3c9c-4a39-b538-7e6c0574d83d" providerId="ADAL" clId="{214B05F5-CDC9-49A7-9890-C2F0602C8542}" dt="2022-08-19T18:29:58.654" v="4711"/>
          <ac:grpSpMkLst>
            <pc:docMk/>
            <pc:sldMk cId="474326173" sldId="294"/>
            <ac:grpSpMk id="23" creationId="{48821E44-716D-5EF0-7F60-17656BF48BF6}"/>
          </ac:grpSpMkLst>
        </pc:grpChg>
        <pc:grpChg chg="mod">
          <ac:chgData name="Matias Vázquez Piñón" userId="2f86a967-3c9c-4a39-b538-7e6c0574d83d" providerId="ADAL" clId="{214B05F5-CDC9-49A7-9890-C2F0602C8542}" dt="2022-08-19T18:29:58.654" v="4711"/>
          <ac:grpSpMkLst>
            <pc:docMk/>
            <pc:sldMk cId="474326173" sldId="294"/>
            <ac:grpSpMk id="29" creationId="{F2183F43-CEEF-42D5-BFE9-310742DF1485}"/>
          </ac:grpSpMkLst>
        </pc:grpChg>
        <pc:grpChg chg="del mod">
          <ac:chgData name="Matias Vázquez Piñón" userId="2f86a967-3c9c-4a39-b538-7e6c0574d83d" providerId="ADAL" clId="{214B05F5-CDC9-49A7-9890-C2F0602C8542}" dt="2022-08-19T18:30:07.112" v="4721"/>
          <ac:grpSpMkLst>
            <pc:docMk/>
            <pc:sldMk cId="474326173" sldId="294"/>
            <ac:grpSpMk id="32" creationId="{06721BE5-6246-FE50-316A-F09837535707}"/>
          </ac:grpSpMkLst>
        </pc:grpChg>
        <pc:grpChg chg="mod">
          <ac:chgData name="Matias Vázquez Piñón" userId="2f86a967-3c9c-4a39-b538-7e6c0574d83d" providerId="ADAL" clId="{214B05F5-CDC9-49A7-9890-C2F0602C8542}" dt="2022-08-19T18:30:07.112" v="4721"/>
          <ac:grpSpMkLst>
            <pc:docMk/>
            <pc:sldMk cId="474326173" sldId="294"/>
            <ac:grpSpMk id="39" creationId="{419F9529-006D-4F43-87CB-3324EBCA5A87}"/>
          </ac:grpSpMkLst>
        </pc:grpChg>
        <pc:grpChg chg="mod">
          <ac:chgData name="Matias Vázquez Piñón" userId="2f86a967-3c9c-4a39-b538-7e6c0574d83d" providerId="ADAL" clId="{214B05F5-CDC9-49A7-9890-C2F0602C8542}" dt="2022-08-19T18:30:13.061" v="4728"/>
          <ac:grpSpMkLst>
            <pc:docMk/>
            <pc:sldMk cId="474326173" sldId="294"/>
            <ac:grpSpMk id="46" creationId="{1DAF0F0D-B2F5-2CE1-204B-B71BA8D858C8}"/>
          </ac:grpSpMkLst>
        </pc:grpChg>
        <pc:grpChg chg="mod">
          <ac:chgData name="Matias Vázquez Piñón" userId="2f86a967-3c9c-4a39-b538-7e6c0574d83d" providerId="ADAL" clId="{214B05F5-CDC9-49A7-9890-C2F0602C8542}" dt="2022-08-19T18:30:17.017" v="4735"/>
          <ac:grpSpMkLst>
            <pc:docMk/>
            <pc:sldMk cId="474326173" sldId="294"/>
            <ac:grpSpMk id="53" creationId="{D1967E3F-B215-66E8-67E4-A3447B376CBA}"/>
          </ac:grpSpMkLst>
        </pc:grp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5" creationId="{24E7B3CC-4A6C-4E07-EAC3-4731E67FEB9C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6" creationId="{42D2E33B-7B65-AA37-513E-2476FABEC8DB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7" creationId="{1F4007FA-B349-4C80-FEF8-D27F32ADC674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8" creationId="{36CF0FDF-9F86-8F71-F0CF-48ACADFF0EAA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9" creationId="{26851FE1-110E-A306-430F-003C07C19238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10" creationId="{D33C4518-8E23-F89E-0C9A-8CDA9F95ABCA}"/>
          </ac:inkMkLst>
        </pc:inkChg>
        <pc:inkChg chg="add mod">
          <ac:chgData name="Matias Vázquez Piñón" userId="2f86a967-3c9c-4a39-b538-7e6c0574d83d" providerId="ADAL" clId="{214B05F5-CDC9-49A7-9890-C2F0602C8542}" dt="2022-08-19T18:29:53.496" v="4702"/>
          <ac:inkMkLst>
            <pc:docMk/>
            <pc:sldMk cId="474326173" sldId="294"/>
            <ac:inkMk id="11" creationId="{B1582245-BCC6-ADAA-7E70-9AD154C1BFAF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2" creationId="{3ECAD2C7-D1B5-2A15-D914-A97A6AEB8667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3" creationId="{5DB7DCFC-5A9A-9E7C-0834-B1659A797FA6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4" creationId="{49E2188A-5A96-5B85-C5F2-F6F555ADEFCA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5" creationId="{0C8A04BF-DB89-71CB-D704-76C3F623E618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6" creationId="{7691F161-BEAD-F7DA-A288-C5398E03B55F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7" creationId="{C2BE81F1-57E1-16E7-160F-47BFE6439A5C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18" creationId="{A2DACB6A-0692-1418-8317-7BAC07AC47AE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1" creationId="{A38266DD-9939-943B-BB54-3844514FC3F8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2" creationId="{ABEDF662-F917-9DD5-3E19-B05914957FD0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4" creationId="{F9CCD375-2D16-F751-7515-7B4458B970AA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5" creationId="{43BCD6C7-CC5C-4192-98B8-33B82D33BF1B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6" creationId="{1BC69FEE-7CED-0062-F484-36669AEEDC36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7" creationId="{5AAFD369-6C09-DDFE-CDCD-F359013C5610}"/>
          </ac:inkMkLst>
        </pc:inkChg>
        <pc:inkChg chg="add mod">
          <ac:chgData name="Matias Vázquez Piñón" userId="2f86a967-3c9c-4a39-b538-7e6c0574d83d" providerId="ADAL" clId="{214B05F5-CDC9-49A7-9890-C2F0602C8542}" dt="2022-08-19T18:29:58.654" v="4711"/>
          <ac:inkMkLst>
            <pc:docMk/>
            <pc:sldMk cId="474326173" sldId="294"/>
            <ac:inkMk id="28" creationId="{473A0CC8-9D42-19F2-5089-3E2A108719FC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0" creationId="{156C2C19-A429-755D-EA01-521796DF5968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1" creationId="{B2C036F3-A63E-8058-1190-9BFD87972987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3" creationId="{0343F52F-9841-A4A1-DF62-A667AF8C2EA1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4" creationId="{33D8E1F4-04C5-39EA-4747-B60BAF5DBB5E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5" creationId="{A2B41B2C-9722-C8F9-5EEE-0613405F553E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6" creationId="{92953703-138A-7829-CB65-68E0A871AFF9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7" creationId="{7E0E4884-FBB4-63FC-7D14-79C278AF1CB9}"/>
          </ac:inkMkLst>
        </pc:inkChg>
        <pc:inkChg chg="add mod">
          <ac:chgData name="Matias Vázquez Piñón" userId="2f86a967-3c9c-4a39-b538-7e6c0574d83d" providerId="ADAL" clId="{214B05F5-CDC9-49A7-9890-C2F0602C8542}" dt="2022-08-19T18:30:07.112" v="4721"/>
          <ac:inkMkLst>
            <pc:docMk/>
            <pc:sldMk cId="474326173" sldId="294"/>
            <ac:inkMk id="38" creationId="{80202611-9023-3465-5137-29B6069ADEE6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0" creationId="{E8E2668A-9398-4BA9-EEE5-423530C1D504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1" creationId="{0A0F77CD-C905-DA62-087F-490DF71DAB15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2" creationId="{4B81A154-503A-9A4E-4AB5-C3D57B7E2265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3" creationId="{CC4DE171-7F6D-EE29-865A-F61A17C1DEE7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4" creationId="{F62D7E4A-9C52-620F-65EA-42A14D8DF74E}"/>
          </ac:inkMkLst>
        </pc:inkChg>
        <pc:inkChg chg="add mod">
          <ac:chgData name="Matias Vázquez Piñón" userId="2f86a967-3c9c-4a39-b538-7e6c0574d83d" providerId="ADAL" clId="{214B05F5-CDC9-49A7-9890-C2F0602C8542}" dt="2022-08-19T18:30:13.061" v="4728"/>
          <ac:inkMkLst>
            <pc:docMk/>
            <pc:sldMk cId="474326173" sldId="294"/>
            <ac:inkMk id="45" creationId="{E5673824-E1E1-9935-22B9-F4F9B3DDDD11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47" creationId="{0696332C-BB6D-6FF3-9EDF-70133A1AD3DD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48" creationId="{021A0B23-762F-925C-BA3C-3DC5858F5931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49" creationId="{A79B9662-F137-FE08-3AD0-DC7A605CA27C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50" creationId="{AD91F27A-C02F-3C32-521F-69C81FF64EB4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51" creationId="{E1B17BB3-30F4-2205-4107-73371B27051B}"/>
          </ac:inkMkLst>
        </pc:inkChg>
        <pc:inkChg chg="add mod">
          <ac:chgData name="Matias Vázquez Piñón" userId="2f86a967-3c9c-4a39-b538-7e6c0574d83d" providerId="ADAL" clId="{214B05F5-CDC9-49A7-9890-C2F0602C8542}" dt="2022-08-19T18:30:17.017" v="4735"/>
          <ac:inkMkLst>
            <pc:docMk/>
            <pc:sldMk cId="474326173" sldId="294"/>
            <ac:inkMk id="52" creationId="{DC662A02-E51C-5F6B-DE07-A6DB6D1D369F}"/>
          </ac:inkMkLst>
        </pc:inkChg>
      </pc:sldChg>
      <pc:sldChg chg="addSp delSp modSp new del mod">
        <pc:chgData name="Matias Vázquez Piñón" userId="2f86a967-3c9c-4a39-b538-7e6c0574d83d" providerId="ADAL" clId="{214B05F5-CDC9-49A7-9890-C2F0602C8542}" dt="2022-08-17T20:24:39.677" v="4670" actId="47"/>
        <pc:sldMkLst>
          <pc:docMk/>
          <pc:sldMk cId="1019996486" sldId="294"/>
        </pc:sldMkLst>
        <pc:spChg chg="mod">
          <ac:chgData name="Matias Vázquez Piñón" userId="2f86a967-3c9c-4a39-b538-7e6c0574d83d" providerId="ADAL" clId="{214B05F5-CDC9-49A7-9890-C2F0602C8542}" dt="2022-08-17T20:17:16.786" v="4613"/>
          <ac:spMkLst>
            <pc:docMk/>
            <pc:sldMk cId="1019996486" sldId="294"/>
            <ac:spMk id="2" creationId="{B0083F00-0031-2DF4-7C55-53579CCEEE1D}"/>
          </ac:spMkLst>
        </pc:spChg>
        <pc:spChg chg="mod">
          <ac:chgData name="Matias Vázquez Piñón" userId="2f86a967-3c9c-4a39-b538-7e6c0574d83d" providerId="ADAL" clId="{214B05F5-CDC9-49A7-9890-C2F0602C8542}" dt="2022-08-17T20:17:52.847" v="4663" actId="20577"/>
          <ac:spMkLst>
            <pc:docMk/>
            <pc:sldMk cId="1019996486" sldId="294"/>
            <ac:spMk id="3" creationId="{25BE65EB-FA00-0B8F-4D00-2B41E75D5074}"/>
          </ac:spMkLst>
        </pc:spChg>
        <pc:spChg chg="del">
          <ac:chgData name="Matias Vázquez Piñón" userId="2f86a967-3c9c-4a39-b538-7e6c0574d83d" providerId="ADAL" clId="{214B05F5-CDC9-49A7-9890-C2F0602C8542}" dt="2022-08-17T20:23:22.453" v="4664" actId="22"/>
          <ac:spMkLst>
            <pc:docMk/>
            <pc:sldMk cId="1019996486" sldId="294"/>
            <ac:spMk id="4" creationId="{0EBCFDDE-D1EE-08A2-C184-ED3648C0D8F8}"/>
          </ac:spMkLst>
        </pc:spChg>
        <pc:spChg chg="add mod">
          <ac:chgData name="Matias Vázquez Piñón" userId="2f86a967-3c9c-4a39-b538-7e6c0574d83d" providerId="ADAL" clId="{214B05F5-CDC9-49A7-9890-C2F0602C8542}" dt="2022-08-17T20:23:37.664" v="4665" actId="478"/>
          <ac:spMkLst>
            <pc:docMk/>
            <pc:sldMk cId="1019996486" sldId="294"/>
            <ac:spMk id="8" creationId="{C9CF7A0A-5EDE-C540-3960-9700FA748B21}"/>
          </ac:spMkLst>
        </pc:spChg>
        <pc:picChg chg="add del mod ord">
          <ac:chgData name="Matias Vázquez Piñón" userId="2f86a967-3c9c-4a39-b538-7e6c0574d83d" providerId="ADAL" clId="{214B05F5-CDC9-49A7-9890-C2F0602C8542}" dt="2022-08-17T20:23:37.664" v="4665" actId="478"/>
          <ac:picMkLst>
            <pc:docMk/>
            <pc:sldMk cId="1019996486" sldId="294"/>
            <ac:picMk id="7" creationId="{4CEC0553-5A05-DA5F-B982-984E0F0A5AC0}"/>
          </ac:picMkLst>
        </pc:picChg>
      </pc:sldChg>
      <pc:sldChg chg="add">
        <pc:chgData name="Matias Vázquez Piñón" userId="2f86a967-3c9c-4a39-b538-7e6c0574d83d" providerId="ADAL" clId="{214B05F5-CDC9-49A7-9890-C2F0602C8542}" dt="2022-08-19T19:01:27.358" v="4824" actId="2890"/>
        <pc:sldMkLst>
          <pc:docMk/>
          <pc:sldMk cId="1977261174" sldId="294"/>
        </pc:sldMkLst>
      </pc:sldChg>
      <pc:sldChg chg="addSp delSp modSp new mod chgLayout">
        <pc:chgData name="Matias Vázquez Piñón" userId="2f86a967-3c9c-4a39-b538-7e6c0574d83d" providerId="ADAL" clId="{214B05F5-CDC9-49A7-9890-C2F0602C8542}" dt="2022-08-19T21:16:17.019" v="4876" actId="20577"/>
        <pc:sldMkLst>
          <pc:docMk/>
          <pc:sldMk cId="2473330086" sldId="295"/>
        </pc:sldMkLst>
        <pc:spChg chg="del mod ord">
          <ac:chgData name="Matias Vázquez Piñón" userId="2f86a967-3c9c-4a39-b538-7e6c0574d83d" providerId="ADAL" clId="{214B05F5-CDC9-49A7-9890-C2F0602C8542}" dt="2022-08-19T21:16:02.655" v="4826" actId="700"/>
          <ac:spMkLst>
            <pc:docMk/>
            <pc:sldMk cId="2473330086" sldId="295"/>
            <ac:spMk id="2" creationId="{32677727-068A-F2C9-B664-D91FB2E1284A}"/>
          </ac:spMkLst>
        </pc:spChg>
        <pc:spChg chg="del mod ord">
          <ac:chgData name="Matias Vázquez Piñón" userId="2f86a967-3c9c-4a39-b538-7e6c0574d83d" providerId="ADAL" clId="{214B05F5-CDC9-49A7-9890-C2F0602C8542}" dt="2022-08-19T21:16:02.655" v="4826" actId="700"/>
          <ac:spMkLst>
            <pc:docMk/>
            <pc:sldMk cId="2473330086" sldId="295"/>
            <ac:spMk id="3" creationId="{310E2BE7-FF66-A5D0-DB6E-6DB16E7EB3EE}"/>
          </ac:spMkLst>
        </pc:spChg>
        <pc:spChg chg="del">
          <ac:chgData name="Matias Vázquez Piñón" userId="2f86a967-3c9c-4a39-b538-7e6c0574d83d" providerId="ADAL" clId="{214B05F5-CDC9-49A7-9890-C2F0602C8542}" dt="2022-08-19T21:16:02.655" v="4826" actId="700"/>
          <ac:spMkLst>
            <pc:docMk/>
            <pc:sldMk cId="2473330086" sldId="295"/>
            <ac:spMk id="4" creationId="{C6607A42-F7FB-536E-8189-9F61D20C9FA3}"/>
          </ac:spMkLst>
        </pc:spChg>
        <pc:spChg chg="mod ord">
          <ac:chgData name="Matias Vázquez Piñón" userId="2f86a967-3c9c-4a39-b538-7e6c0574d83d" providerId="ADAL" clId="{214B05F5-CDC9-49A7-9890-C2F0602C8542}" dt="2022-08-19T21:16:02.655" v="4826" actId="700"/>
          <ac:spMkLst>
            <pc:docMk/>
            <pc:sldMk cId="2473330086" sldId="295"/>
            <ac:spMk id="5" creationId="{3CE86259-A478-FA8D-018D-21501FFD6FD6}"/>
          </ac:spMkLst>
        </pc:spChg>
        <pc:spChg chg="add mod ord">
          <ac:chgData name="Matias Vázquez Piñón" userId="2f86a967-3c9c-4a39-b538-7e6c0574d83d" providerId="ADAL" clId="{214B05F5-CDC9-49A7-9890-C2F0602C8542}" dt="2022-08-19T21:16:07.310" v="4843" actId="20577"/>
          <ac:spMkLst>
            <pc:docMk/>
            <pc:sldMk cId="2473330086" sldId="295"/>
            <ac:spMk id="6" creationId="{34007F3E-9AAC-1E56-D590-855686936CCD}"/>
          </ac:spMkLst>
        </pc:spChg>
        <pc:spChg chg="add mod ord">
          <ac:chgData name="Matias Vázquez Piñón" userId="2f86a967-3c9c-4a39-b538-7e6c0574d83d" providerId="ADAL" clId="{214B05F5-CDC9-49A7-9890-C2F0602C8542}" dt="2022-08-19T21:16:17.019" v="4876" actId="20577"/>
          <ac:spMkLst>
            <pc:docMk/>
            <pc:sldMk cId="2473330086" sldId="295"/>
            <ac:spMk id="7" creationId="{7ABD9E20-3E63-2A06-A278-DD3FCB5BA0AC}"/>
          </ac:spMkLst>
        </pc:spChg>
      </pc:sldChg>
      <pc:sldChg chg="addSp delSp modSp del mod">
        <pc:chgData name="Matias Vázquez Piñón" userId="2f86a967-3c9c-4a39-b538-7e6c0574d83d" providerId="ADAL" clId="{214B05F5-CDC9-49A7-9890-C2F0602C8542}" dt="2022-08-23T18:28:50.214" v="5277" actId="47"/>
        <pc:sldMkLst>
          <pc:docMk/>
          <pc:sldMk cId="3451113877" sldId="296"/>
        </pc:sldMkLst>
        <pc:spChg chg="add del mod">
          <ac:chgData name="Matias Vázquez Piñón" userId="2f86a967-3c9c-4a39-b538-7e6c0574d83d" providerId="ADAL" clId="{214B05F5-CDC9-49A7-9890-C2F0602C8542}" dt="2022-08-23T18:02:18.461" v="4894"/>
          <ac:spMkLst>
            <pc:docMk/>
            <pc:sldMk cId="3451113877" sldId="296"/>
            <ac:spMk id="2" creationId="{39810AC8-3838-EFCE-EFBC-20DB9A23566C}"/>
          </ac:spMkLst>
        </pc:spChg>
        <pc:spChg chg="add del mod or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3" creationId="{55E8227E-A43D-42C5-E16D-A576BAD3AB17}"/>
          </ac:spMkLst>
        </pc:spChg>
        <pc:spChg chg="add del mo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4" creationId="{2D8D0DE9-7CEA-13E3-3B54-9CA4FB4A597B}"/>
          </ac:spMkLst>
        </pc:spChg>
        <pc:spChg chg="del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13" creationId="{A058E5B6-3673-9FA4-24CE-46D23A704174}"/>
          </ac:spMkLst>
        </pc:spChg>
        <pc:spChg chg="del">
          <ac:chgData name="Matias Vázquez Piñón" userId="2f86a967-3c9c-4a39-b538-7e6c0574d83d" providerId="ADAL" clId="{214B05F5-CDC9-49A7-9890-C2F0602C8542}" dt="2022-08-23T17:44:15.215" v="4879" actId="478"/>
          <ac:spMkLst>
            <pc:docMk/>
            <pc:sldMk cId="3451113877" sldId="296"/>
            <ac:spMk id="34" creationId="{BAEC474E-ADBA-F582-3F66-9DEF53389C66}"/>
          </ac:spMkLst>
        </pc:spChg>
        <pc:spChg chg="add del mo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256" creationId="{F5A421DC-713F-0BDA-DC0A-36F8001A4405}"/>
          </ac:spMkLst>
        </pc:spChg>
        <pc:spChg chg="add del mo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258" creationId="{B098AD61-26D7-E112-DF3D-6FAFFE4AF303}"/>
          </ac:spMkLst>
        </pc:spChg>
        <pc:spChg chg="add del mod">
          <ac:chgData name="Matias Vázquez Piñón" userId="2f86a967-3c9c-4a39-b538-7e6c0574d83d" providerId="ADAL" clId="{214B05F5-CDC9-49A7-9890-C2F0602C8542}" dt="2022-08-23T18:11:33.908" v="5023" actId="478"/>
          <ac:spMkLst>
            <pc:docMk/>
            <pc:sldMk cId="3451113877" sldId="296"/>
            <ac:spMk id="265" creationId="{D478D068-7134-D704-8FE6-4ED22B4C2F81}"/>
          </ac:spMkLst>
        </pc:spChg>
        <pc:spChg chg="add del mod">
          <ac:chgData name="Matias Vázquez Piñón" userId="2f86a967-3c9c-4a39-b538-7e6c0574d83d" providerId="ADAL" clId="{214B05F5-CDC9-49A7-9890-C2F0602C8542}" dt="2022-08-23T18:15:18.999" v="5054" actId="478"/>
          <ac:spMkLst>
            <pc:docMk/>
            <pc:sldMk cId="3451113877" sldId="296"/>
            <ac:spMk id="266" creationId="{4ABA6259-835A-1000-4B83-5E8067EBA90D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69" creationId="{F67EFD00-F9D4-F404-0E9A-ED2F43C53B5D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0" creationId="{C0F2AE5C-47E0-F44D-6C86-3933BC880DA0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3" creationId="{D1EE0C9C-840A-101A-8CDA-5FB9ECE02030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4" creationId="{6789E954-AAF0-5A44-F8DA-071615DF80E7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6" creationId="{A4B8C54A-2590-CCAE-9974-0B9AE0352396}"/>
          </ac:spMkLst>
        </pc:spChg>
        <pc:spChg chg="mod">
          <ac:chgData name="Matias Vázquez Piñón" userId="2f86a967-3c9c-4a39-b538-7e6c0574d83d" providerId="ADAL" clId="{214B05F5-CDC9-49A7-9890-C2F0602C8542}" dt="2022-08-23T18:15:19.145" v="5055"/>
          <ac:spMkLst>
            <pc:docMk/>
            <pc:sldMk cId="3451113877" sldId="296"/>
            <ac:spMk id="277" creationId="{8745BFDC-C192-1502-C780-20D4E0192468}"/>
          </ac:spMkLst>
        </pc:spChg>
        <pc:spChg chg="add del mod">
          <ac:chgData name="Matias Vázquez Piñón" userId="2f86a967-3c9c-4a39-b538-7e6c0574d83d" providerId="ADAL" clId="{214B05F5-CDC9-49A7-9890-C2F0602C8542}" dt="2022-08-23T18:17:37.175" v="5078"/>
          <ac:spMkLst>
            <pc:docMk/>
            <pc:sldMk cId="3451113877" sldId="296"/>
            <ac:spMk id="278" creationId="{474152D1-7554-0507-8053-D0EEA5DAB4BF}"/>
          </ac:spMkLst>
        </pc:spChg>
        <pc:grpChg chg="del">
          <ac:chgData name="Matias Vázquez Piñón" userId="2f86a967-3c9c-4a39-b538-7e6c0574d83d" providerId="ADAL" clId="{214B05F5-CDC9-49A7-9890-C2F0602C8542}" dt="2022-08-23T17:44:13.710" v="4878" actId="478"/>
          <ac:grpSpMkLst>
            <pc:docMk/>
            <pc:sldMk cId="3451113877" sldId="296"/>
            <ac:grpSpMk id="28" creationId="{861D5FB5-ABFB-6455-BE36-112EDF190FC5}"/>
          </ac:grpSpMkLst>
        </pc:grpChg>
        <pc:grpChg chg="del">
          <ac:chgData name="Matias Vázquez Piñón" userId="2f86a967-3c9c-4a39-b538-7e6c0574d83d" providerId="ADAL" clId="{214B05F5-CDC9-49A7-9890-C2F0602C8542}" dt="2022-08-23T17:44:11.737" v="4877" actId="478"/>
          <ac:grpSpMkLst>
            <pc:docMk/>
            <pc:sldMk cId="3451113877" sldId="296"/>
            <ac:grpSpMk id="31" creationId="{829E8DFF-03D3-8671-5F53-284A396258F3}"/>
          </ac:grpSpMkLst>
        </pc:grpChg>
        <pc:grpChg chg="add del mod">
          <ac:chgData name="Matias Vázquez Piñón" userId="2f86a967-3c9c-4a39-b538-7e6c0574d83d" providerId="ADAL" clId="{214B05F5-CDC9-49A7-9890-C2F0602C8542}" dt="2022-08-23T18:17:35.633" v="5076" actId="478"/>
          <ac:grpSpMkLst>
            <pc:docMk/>
            <pc:sldMk cId="3451113877" sldId="296"/>
            <ac:grpSpMk id="267" creationId="{DEF363BE-78CE-25B0-8EE0-6E1EF2E85555}"/>
          </ac:grpSpMkLst>
        </pc:grpChg>
        <pc:picChg chg="del">
          <ac:chgData name="Matias Vázquez Piñón" userId="2f86a967-3c9c-4a39-b538-7e6c0574d83d" providerId="ADAL" clId="{214B05F5-CDC9-49A7-9890-C2F0602C8542}" dt="2022-08-23T18:15:18.999" v="5054" actId="478"/>
          <ac:picMkLst>
            <pc:docMk/>
            <pc:sldMk cId="3451113877" sldId="296"/>
            <ac:picMk id="27" creationId="{DB966A21-301A-F029-868C-DD75802CFF4E}"/>
          </ac:picMkLst>
        </pc:picChg>
        <pc:picChg chg="mod">
          <ac:chgData name="Matias Vázquez Piñón" userId="2f86a967-3c9c-4a39-b538-7e6c0574d83d" providerId="ADAL" clId="{214B05F5-CDC9-49A7-9890-C2F0602C8542}" dt="2022-08-23T18:15:19.145" v="5055"/>
          <ac:picMkLst>
            <pc:docMk/>
            <pc:sldMk cId="3451113877" sldId="296"/>
            <ac:picMk id="268" creationId="{82F86D88-5EBD-11DD-AAA8-4C90BF41A6F8}"/>
          </ac:picMkLst>
        </pc:picChg>
        <pc:cxnChg chg="add del mod">
          <ac:chgData name="Matias Vázquez Piñón" userId="2f86a967-3c9c-4a39-b538-7e6c0574d83d" providerId="ADAL" clId="{214B05F5-CDC9-49A7-9890-C2F0602C8542}" dt="2022-08-23T18:15:18.999" v="5054" actId="478"/>
          <ac:cxnSpMkLst>
            <pc:docMk/>
            <pc:sldMk cId="3451113877" sldId="296"/>
            <ac:cxnSpMk id="9" creationId="{9C469FD2-E75D-8AB0-CB01-74BE091E76FA}"/>
          </ac:cxnSpMkLst>
        </pc:cxnChg>
        <pc:cxnChg chg="add del mod">
          <ac:chgData name="Matias Vázquez Piñón" userId="2f86a967-3c9c-4a39-b538-7e6c0574d83d" providerId="ADAL" clId="{214B05F5-CDC9-49A7-9890-C2F0602C8542}" dt="2022-08-23T18:15:18.999" v="5054" actId="478"/>
          <ac:cxnSpMkLst>
            <pc:docMk/>
            <pc:sldMk cId="3451113877" sldId="296"/>
            <ac:cxnSpMk id="11" creationId="{D28CC54C-8C64-BD2A-BC92-694E06D49488}"/>
          </ac:cxnSpMkLst>
        </pc:cxnChg>
        <pc:cxnChg chg="add del mod">
          <ac:chgData name="Matias Vázquez Piñón" userId="2f86a967-3c9c-4a39-b538-7e6c0574d83d" providerId="ADAL" clId="{214B05F5-CDC9-49A7-9890-C2F0602C8542}" dt="2022-08-23T18:15:18.999" v="5054" actId="478"/>
          <ac:cxnSpMkLst>
            <pc:docMk/>
            <pc:sldMk cId="3451113877" sldId="296"/>
            <ac:cxnSpMk id="260" creationId="{864D1AB9-7112-9D77-5D17-204BEDC34E79}"/>
          </ac:cxnSpMkLst>
        </pc:cxnChg>
        <pc:cxnChg chg="mod">
          <ac:chgData name="Matias Vázquez Piñón" userId="2f86a967-3c9c-4a39-b538-7e6c0574d83d" providerId="ADAL" clId="{214B05F5-CDC9-49A7-9890-C2F0602C8542}" dt="2022-08-23T18:15:19.145" v="5055"/>
          <ac:cxnSpMkLst>
            <pc:docMk/>
            <pc:sldMk cId="3451113877" sldId="296"/>
            <ac:cxnSpMk id="271" creationId="{C6738386-9ACB-DDA0-F442-F77D8ECA3F67}"/>
          </ac:cxnSpMkLst>
        </pc:cxnChg>
        <pc:cxnChg chg="mod">
          <ac:chgData name="Matias Vázquez Piñón" userId="2f86a967-3c9c-4a39-b538-7e6c0574d83d" providerId="ADAL" clId="{214B05F5-CDC9-49A7-9890-C2F0602C8542}" dt="2022-08-23T18:15:19.145" v="5055"/>
          <ac:cxnSpMkLst>
            <pc:docMk/>
            <pc:sldMk cId="3451113877" sldId="296"/>
            <ac:cxnSpMk id="272" creationId="{23D76C20-4CB5-583E-43C5-8D6ED0D812F0}"/>
          </ac:cxnSpMkLst>
        </pc:cxnChg>
        <pc:cxnChg chg="mod">
          <ac:chgData name="Matias Vázquez Piñón" userId="2f86a967-3c9c-4a39-b538-7e6c0574d83d" providerId="ADAL" clId="{214B05F5-CDC9-49A7-9890-C2F0602C8542}" dt="2022-08-23T18:15:19.145" v="5055"/>
          <ac:cxnSpMkLst>
            <pc:docMk/>
            <pc:sldMk cId="3451113877" sldId="296"/>
            <ac:cxnSpMk id="275" creationId="{48D46432-371C-0505-B3A5-49568970B4B1}"/>
          </ac:cxnSpMkLst>
        </pc:cxnChg>
      </pc:sldChg>
      <pc:sldChg chg="addSp delSp modSp mod">
        <pc:chgData name="Matias Vázquez Piñón" userId="2f86a967-3c9c-4a39-b538-7e6c0574d83d" providerId="ADAL" clId="{214B05F5-CDC9-49A7-9890-C2F0602C8542}" dt="2022-08-23T21:43:05.709" v="5394" actId="20577"/>
        <pc:sldMkLst>
          <pc:docMk/>
          <pc:sldMk cId="2684454245" sldId="297"/>
        </pc:sldMkLst>
        <pc:spChg chg="add mod">
          <ac:chgData name="Matias Vázquez Piñón" userId="2f86a967-3c9c-4a39-b538-7e6c0574d83d" providerId="ADAL" clId="{214B05F5-CDC9-49A7-9890-C2F0602C8542}" dt="2022-08-23T21:43:03.795" v="5392" actId="1076"/>
          <ac:spMkLst>
            <pc:docMk/>
            <pc:sldMk cId="2684454245" sldId="297"/>
            <ac:spMk id="3" creationId="{2500B4B2-BDA4-D7E1-F05E-1DBCEC4BB16F}"/>
          </ac:spMkLst>
        </pc:spChg>
        <pc:spChg chg="add mod">
          <ac:chgData name="Matias Vázquez Piñón" userId="2f86a967-3c9c-4a39-b538-7e6c0574d83d" providerId="ADAL" clId="{214B05F5-CDC9-49A7-9890-C2F0602C8542}" dt="2022-08-23T21:43:03.795" v="5392" actId="1076"/>
          <ac:spMkLst>
            <pc:docMk/>
            <pc:sldMk cId="2684454245" sldId="297"/>
            <ac:spMk id="4" creationId="{F53301B8-382F-8A26-847D-9C39BED42E2E}"/>
          </ac:spMkLst>
        </pc:spChg>
        <pc:spChg chg="mod">
          <ac:chgData name="Matias Vázquez Piñón" userId="2f86a967-3c9c-4a39-b538-7e6c0574d83d" providerId="ADAL" clId="{214B05F5-CDC9-49A7-9890-C2F0602C8542}" dt="2022-08-23T18:29:40.741" v="5325" actId="20577"/>
          <ac:spMkLst>
            <pc:docMk/>
            <pc:sldMk cId="2684454245" sldId="297"/>
            <ac:spMk id="7" creationId="{22E25C78-7D4D-A985-DD37-65537444D6F1}"/>
          </ac:spMkLst>
        </pc:spChg>
        <pc:spChg chg="add del mod">
          <ac:chgData name="Matias Vázquez Piñón" userId="2f86a967-3c9c-4a39-b538-7e6c0574d83d" providerId="ADAL" clId="{214B05F5-CDC9-49A7-9890-C2F0602C8542}" dt="2022-08-23T18:30:15.534" v="5332" actId="478"/>
          <ac:spMkLst>
            <pc:docMk/>
            <pc:sldMk cId="2684454245" sldId="297"/>
            <ac:spMk id="10" creationId="{89D7D58B-FCF4-7BAE-2E29-7E1721E2913F}"/>
          </ac:spMkLst>
        </pc:spChg>
        <pc:spChg chg="add mod">
          <ac:chgData name="Matias Vázquez Piñón" userId="2f86a967-3c9c-4a39-b538-7e6c0574d83d" providerId="ADAL" clId="{214B05F5-CDC9-49A7-9890-C2F0602C8542}" dt="2022-08-23T21:43:03.795" v="5392" actId="1076"/>
          <ac:spMkLst>
            <pc:docMk/>
            <pc:sldMk cId="2684454245" sldId="297"/>
            <ac:spMk id="11" creationId="{64A8E6DF-18F1-8E19-9630-75469594CB2C}"/>
          </ac:spMkLst>
        </pc:spChg>
        <pc:spChg chg="add del mod">
          <ac:chgData name="Matias Vázquez Piñón" userId="2f86a967-3c9c-4a39-b538-7e6c0574d83d" providerId="ADAL" clId="{214B05F5-CDC9-49A7-9890-C2F0602C8542}" dt="2022-08-23T18:30:18.516" v="5333" actId="478"/>
          <ac:spMkLst>
            <pc:docMk/>
            <pc:sldMk cId="2684454245" sldId="297"/>
            <ac:spMk id="13" creationId="{015BDF33-9530-8261-9B89-C71527DEED24}"/>
          </ac:spMkLst>
        </pc:spChg>
        <pc:spChg chg="add mod">
          <ac:chgData name="Matias Vázquez Piñón" userId="2f86a967-3c9c-4a39-b538-7e6c0574d83d" providerId="ADAL" clId="{214B05F5-CDC9-49A7-9890-C2F0602C8542}" dt="2022-08-23T21:43:03.795" v="5392" actId="1076"/>
          <ac:spMkLst>
            <pc:docMk/>
            <pc:sldMk cId="2684454245" sldId="297"/>
            <ac:spMk id="14" creationId="{1AE769BF-4751-1E41-B15E-38F448EC4DE2}"/>
          </ac:spMkLst>
        </pc:spChg>
        <pc:spChg chg="add del">
          <ac:chgData name="Matias Vázquez Piñón" userId="2f86a967-3c9c-4a39-b538-7e6c0574d83d" providerId="ADAL" clId="{214B05F5-CDC9-49A7-9890-C2F0602C8542}" dt="2022-08-23T18:14:02.186" v="5043" actId="11529"/>
          <ac:spMkLst>
            <pc:docMk/>
            <pc:sldMk cId="2684454245" sldId="297"/>
            <ac:spMk id="17" creationId="{27715A2F-A62B-9879-2172-3A1A0F78B7F8}"/>
          </ac:spMkLst>
        </pc:spChg>
        <pc:spChg chg="add del">
          <ac:chgData name="Matias Vázquez Piñón" userId="2f86a967-3c9c-4a39-b538-7e6c0574d83d" providerId="ADAL" clId="{214B05F5-CDC9-49A7-9890-C2F0602C8542}" dt="2022-08-23T18:14:11.868" v="5045" actId="478"/>
          <ac:spMkLst>
            <pc:docMk/>
            <pc:sldMk cId="2684454245" sldId="297"/>
            <ac:spMk id="18" creationId="{D9217D85-E5B3-F0DE-C6FF-71CFCD7FB80A}"/>
          </ac:spMkLst>
        </pc:spChg>
        <pc:spChg chg="add del">
          <ac:chgData name="Matias Vázquez Piñón" userId="2f86a967-3c9c-4a39-b538-7e6c0574d83d" providerId="ADAL" clId="{214B05F5-CDC9-49A7-9890-C2F0602C8542}" dt="2022-08-23T18:14:28.125" v="5047" actId="478"/>
          <ac:spMkLst>
            <pc:docMk/>
            <pc:sldMk cId="2684454245" sldId="297"/>
            <ac:spMk id="19" creationId="{7D837915-B253-B85C-1DD1-E86D91ECF8DA}"/>
          </ac:spMkLst>
        </pc:spChg>
        <pc:spChg chg="add del mod">
          <ac:chgData name="Matias Vázquez Piñón" userId="2f86a967-3c9c-4a39-b538-7e6c0574d83d" providerId="ADAL" clId="{214B05F5-CDC9-49A7-9890-C2F0602C8542}" dt="2022-08-23T18:14:47.586" v="5051" actId="478"/>
          <ac:spMkLst>
            <pc:docMk/>
            <pc:sldMk cId="2684454245" sldId="297"/>
            <ac:spMk id="20" creationId="{63FFDB03-17ED-AEA3-48C7-B838526FC56B}"/>
          </ac:spMkLst>
        </pc:spChg>
        <pc:spChg chg="add mod">
          <ac:chgData name="Matias Vázquez Piñón" userId="2f86a967-3c9c-4a39-b538-7e6c0574d83d" providerId="ADAL" clId="{214B05F5-CDC9-49A7-9890-C2F0602C8542}" dt="2022-08-23T21:43:05.709" v="5394" actId="20577"/>
          <ac:spMkLst>
            <pc:docMk/>
            <pc:sldMk cId="2684454245" sldId="297"/>
            <ac:spMk id="22" creationId="{D10EC544-9519-9436-2BAF-A0F61620C56E}"/>
          </ac:spMkLst>
        </pc:spChg>
        <pc:spChg chg="add mod">
          <ac:chgData name="Matias Vázquez Piñón" userId="2f86a967-3c9c-4a39-b538-7e6c0574d83d" providerId="ADAL" clId="{214B05F5-CDC9-49A7-9890-C2F0602C8542}" dt="2022-08-23T21:43:00.848" v="5390" actId="20577"/>
          <ac:spMkLst>
            <pc:docMk/>
            <pc:sldMk cId="2684454245" sldId="297"/>
            <ac:spMk id="23" creationId="{6E948C44-70E7-556C-E36B-92FCE691AD8D}"/>
          </ac:spMkLst>
        </pc:spChg>
        <pc:spChg chg="add del mod">
          <ac:chgData name="Matias Vázquez Piñón" userId="2f86a967-3c9c-4a39-b538-7e6c0574d83d" providerId="ADAL" clId="{214B05F5-CDC9-49A7-9890-C2F0602C8542}" dt="2022-08-23T18:19:33.629" v="5107" actId="478"/>
          <ac:spMkLst>
            <pc:docMk/>
            <pc:sldMk cId="2684454245" sldId="297"/>
            <ac:spMk id="25" creationId="{F5713E44-47AF-2B1E-58ED-0BBEB76478F2}"/>
          </ac:spMkLst>
        </pc:spChg>
        <pc:spChg chg="del">
          <ac:chgData name="Matias Vázquez Piñón" userId="2f86a967-3c9c-4a39-b538-7e6c0574d83d" providerId="ADAL" clId="{214B05F5-CDC9-49A7-9890-C2F0602C8542}" dt="2022-08-23T18:12:55.534" v="5033" actId="478"/>
          <ac:spMkLst>
            <pc:docMk/>
            <pc:sldMk cId="2684454245" sldId="297"/>
            <ac:spMk id="34" creationId="{BAEC474E-ADBA-F582-3F66-9DEF53389C66}"/>
          </ac:spMkLst>
        </pc:spChg>
        <pc:spChg chg="add mod">
          <ac:chgData name="Matias Vázquez Piñón" userId="2f86a967-3c9c-4a39-b538-7e6c0574d83d" providerId="ADAL" clId="{214B05F5-CDC9-49A7-9890-C2F0602C8542}" dt="2022-08-23T18:31:05.287" v="5353" actId="20577"/>
          <ac:spMkLst>
            <pc:docMk/>
            <pc:sldMk cId="2684454245" sldId="297"/>
            <ac:spMk id="35" creationId="{E5019D5C-3C44-8009-4349-D51001EC2126}"/>
          </ac:spMkLst>
        </pc:spChg>
        <pc:spChg chg="add mod">
          <ac:chgData name="Matias Vázquez Piñón" userId="2f86a967-3c9c-4a39-b538-7e6c0574d83d" providerId="ADAL" clId="{214B05F5-CDC9-49A7-9890-C2F0602C8542}" dt="2022-08-23T18:30:33.701" v="5339" actId="20577"/>
          <ac:spMkLst>
            <pc:docMk/>
            <pc:sldMk cId="2684454245" sldId="297"/>
            <ac:spMk id="38" creationId="{FF7A508D-4D2B-9251-DB3D-FAE563D6F6E2}"/>
          </ac:spMkLst>
        </pc:spChg>
        <pc:spChg chg="add mod">
          <ac:chgData name="Matias Vázquez Piñón" userId="2f86a967-3c9c-4a39-b538-7e6c0574d83d" providerId="ADAL" clId="{214B05F5-CDC9-49A7-9890-C2F0602C8542}" dt="2022-08-23T18:30:45.490" v="5342" actId="17032"/>
          <ac:spMkLst>
            <pc:docMk/>
            <pc:sldMk cId="2684454245" sldId="297"/>
            <ac:spMk id="39" creationId="{71A8D035-9496-9AE9-C59A-CB80CB9E3183}"/>
          </ac:spMkLst>
        </pc:spChg>
        <pc:grpChg chg="add mod">
          <ac:chgData name="Matias Vázquez Piñón" userId="2f86a967-3c9c-4a39-b538-7e6c0574d83d" providerId="ADAL" clId="{214B05F5-CDC9-49A7-9890-C2F0602C8542}" dt="2022-08-23T21:43:03.795" v="5392" actId="1076"/>
          <ac:grpSpMkLst>
            <pc:docMk/>
            <pc:sldMk cId="2684454245" sldId="297"/>
            <ac:grpSpMk id="21" creationId="{A4A5290F-D7A8-AD61-5535-7F1A93D98593}"/>
          </ac:grpSpMkLst>
        </pc:grpChg>
        <pc:grpChg chg="del">
          <ac:chgData name="Matias Vázquez Piñón" userId="2f86a967-3c9c-4a39-b538-7e6c0574d83d" providerId="ADAL" clId="{214B05F5-CDC9-49A7-9890-C2F0602C8542}" dt="2022-08-23T18:12:55.534" v="5033" actId="478"/>
          <ac:grpSpMkLst>
            <pc:docMk/>
            <pc:sldMk cId="2684454245" sldId="297"/>
            <ac:grpSpMk id="28" creationId="{861D5FB5-ABFB-6455-BE36-112EDF190FC5}"/>
          </ac:grpSpMkLst>
        </pc:grpChg>
        <pc:grpChg chg="del">
          <ac:chgData name="Matias Vázquez Piñón" userId="2f86a967-3c9c-4a39-b538-7e6c0574d83d" providerId="ADAL" clId="{214B05F5-CDC9-49A7-9890-C2F0602C8542}" dt="2022-08-23T18:12:55.534" v="5033" actId="478"/>
          <ac:grpSpMkLst>
            <pc:docMk/>
            <pc:sldMk cId="2684454245" sldId="297"/>
            <ac:grpSpMk id="31" creationId="{829E8DFF-03D3-8671-5F53-284A396258F3}"/>
          </ac:grpSpMkLst>
        </pc:grpChg>
        <pc:picChg chg="add mod">
          <ac:chgData name="Matias Vázquez Piñón" userId="2f86a967-3c9c-4a39-b538-7e6c0574d83d" providerId="ADAL" clId="{214B05F5-CDC9-49A7-9890-C2F0602C8542}" dt="2022-08-23T21:43:03.795" v="5392" actId="1076"/>
          <ac:picMkLst>
            <pc:docMk/>
            <pc:sldMk cId="2684454245" sldId="297"/>
            <ac:picMk id="2" creationId="{C40AC002-E894-5BC0-D0D9-B125DBC3CAE5}"/>
          </ac:picMkLst>
        </pc:picChg>
        <pc:picChg chg="del">
          <ac:chgData name="Matias Vázquez Piñón" userId="2f86a967-3c9c-4a39-b538-7e6c0574d83d" providerId="ADAL" clId="{214B05F5-CDC9-49A7-9890-C2F0602C8542}" dt="2022-08-23T18:12:55.534" v="5033" actId="478"/>
          <ac:picMkLst>
            <pc:docMk/>
            <pc:sldMk cId="2684454245" sldId="297"/>
            <ac:picMk id="27" creationId="{DB966A21-301A-F029-868C-DD75802CFF4E}"/>
          </ac:picMkLst>
        </pc:picChg>
        <pc:picChg chg="add del mod">
          <ac:chgData name="Matias Vázquez Piñón" userId="2f86a967-3c9c-4a39-b538-7e6c0574d83d" providerId="ADAL" clId="{214B05F5-CDC9-49A7-9890-C2F0602C8542}" dt="2022-08-23T18:27:00.248" v="5269" actId="478"/>
          <ac:picMkLst>
            <pc:docMk/>
            <pc:sldMk cId="2684454245" sldId="297"/>
            <ac:picMk id="37" creationId="{7E79B9E6-B2B5-7C0B-502A-6BB1CE357384}"/>
          </ac:picMkLst>
        </pc:picChg>
        <pc:cxnChg chg="add mod">
          <ac:chgData name="Matias Vázquez Piñón" userId="2f86a967-3c9c-4a39-b538-7e6c0574d83d" providerId="ADAL" clId="{214B05F5-CDC9-49A7-9890-C2F0602C8542}" dt="2022-08-23T21:43:03.795" v="5392" actId="1076"/>
          <ac:cxnSpMkLst>
            <pc:docMk/>
            <pc:sldMk cId="2684454245" sldId="297"/>
            <ac:cxnSpMk id="8" creationId="{75B7AD42-3B7A-319C-B340-0A8DDEFC0AE4}"/>
          </ac:cxnSpMkLst>
        </pc:cxnChg>
        <pc:cxnChg chg="add mod">
          <ac:chgData name="Matias Vázquez Piñón" userId="2f86a967-3c9c-4a39-b538-7e6c0574d83d" providerId="ADAL" clId="{214B05F5-CDC9-49A7-9890-C2F0602C8542}" dt="2022-08-23T21:43:03.795" v="5392" actId="1076"/>
          <ac:cxnSpMkLst>
            <pc:docMk/>
            <pc:sldMk cId="2684454245" sldId="297"/>
            <ac:cxnSpMk id="9" creationId="{9E8424AD-A982-B624-49BF-B2590EDD6D9D}"/>
          </ac:cxnSpMkLst>
        </pc:cxnChg>
        <pc:cxnChg chg="add mod">
          <ac:chgData name="Matias Vázquez Piñón" userId="2f86a967-3c9c-4a39-b538-7e6c0574d83d" providerId="ADAL" clId="{214B05F5-CDC9-49A7-9890-C2F0602C8542}" dt="2022-08-23T21:43:03.795" v="5392" actId="1076"/>
          <ac:cxnSpMkLst>
            <pc:docMk/>
            <pc:sldMk cId="2684454245" sldId="297"/>
            <ac:cxnSpMk id="12" creationId="{15DA2A62-1A60-A4F0-1273-C53C1E603DDB}"/>
          </ac:cxnSpMkLst>
        </pc:cxnChg>
      </pc:sldChg>
      <pc:sldChg chg="addSp delSp modSp mod">
        <pc:chgData name="Matias Vázquez Piñón" userId="2f86a967-3c9c-4a39-b538-7e6c0574d83d" providerId="ADAL" clId="{214B05F5-CDC9-49A7-9890-C2F0602C8542}" dt="2022-08-23T18:34:16.547" v="5376" actId="207"/>
        <pc:sldMkLst>
          <pc:docMk/>
          <pc:sldMk cId="1509932029" sldId="298"/>
        </pc:sldMkLst>
        <pc:spChg chg="mod">
          <ac:chgData name="Matias Vázquez Piñón" userId="2f86a967-3c9c-4a39-b538-7e6c0574d83d" providerId="ADAL" clId="{214B05F5-CDC9-49A7-9890-C2F0602C8542}" dt="2022-08-23T18:34:16.547" v="5376" actId="207"/>
          <ac:spMkLst>
            <pc:docMk/>
            <pc:sldMk cId="1509932029" sldId="298"/>
            <ac:spMk id="4" creationId="{5E976D3D-84C2-A052-441A-7AA8EEA16F93}"/>
          </ac:spMkLst>
        </pc:spChg>
        <pc:spChg chg="add del mod">
          <ac:chgData name="Matias Vázquez Piñón" userId="2f86a967-3c9c-4a39-b538-7e6c0574d83d" providerId="ADAL" clId="{214B05F5-CDC9-49A7-9890-C2F0602C8542}" dt="2022-08-23T18:32:55.715" v="5357" actId="767"/>
          <ac:spMkLst>
            <pc:docMk/>
            <pc:sldMk cId="1509932029" sldId="298"/>
            <ac:spMk id="5" creationId="{068C3C13-E98E-EF38-C728-69FE10CDEBD1}"/>
          </ac:spMkLst>
        </pc:spChg>
      </pc:sldChg>
      <pc:sldChg chg="modSp mod">
        <pc:chgData name="Matias Vázquez Piñón" userId="2f86a967-3c9c-4a39-b538-7e6c0574d83d" providerId="ADAL" clId="{214B05F5-CDC9-49A7-9890-C2F0602C8542}" dt="2022-08-23T18:36:08.874" v="5388" actId="12269"/>
        <pc:sldMkLst>
          <pc:docMk/>
          <pc:sldMk cId="2756905196" sldId="299"/>
        </pc:sldMkLst>
        <pc:graphicFrameChg chg="mod">
          <ac:chgData name="Matias Vázquez Piñón" userId="2f86a967-3c9c-4a39-b538-7e6c0574d83d" providerId="ADAL" clId="{214B05F5-CDC9-49A7-9890-C2F0602C8542}" dt="2022-08-23T18:36:08.874" v="5388" actId="12269"/>
          <ac:graphicFrameMkLst>
            <pc:docMk/>
            <pc:sldMk cId="2756905196" sldId="299"/>
            <ac:graphicFrameMk id="11" creationId="{8FEFF800-6F9A-0555-AA31-B91718800635}"/>
          </ac:graphicFrameMkLst>
        </pc:graphicFrameChg>
        <pc:graphicFrameChg chg="mod">
          <ac:chgData name="Matias Vázquez Piñón" userId="2f86a967-3c9c-4a39-b538-7e6c0574d83d" providerId="ADAL" clId="{214B05F5-CDC9-49A7-9890-C2F0602C8542}" dt="2022-08-23T18:34:51.275" v="5386" actId="1036"/>
          <ac:graphicFrameMkLst>
            <pc:docMk/>
            <pc:sldMk cId="2756905196" sldId="299"/>
            <ac:graphicFrameMk id="12" creationId="{096B2C6C-19A7-A943-7B5B-57C0D7C288BE}"/>
          </ac:graphicFrameMkLst>
        </pc:graphicFrameChg>
      </pc:sldChg>
    </pc:docChg>
  </pc:docChgLst>
  <pc:docChgLst>
    <pc:chgData name="Matias Vázquez Piñón" userId="2f86a967-3c9c-4a39-b538-7e6c0574d83d" providerId="ADAL" clId="{B66F9EAA-205E-4280-88AD-8E45210EEBDB}"/>
    <pc:docChg chg="undo custSel addSld delSld modSld sldOrd">
      <pc:chgData name="Matias Vázquez Piñón" userId="2f86a967-3c9c-4a39-b538-7e6c0574d83d" providerId="ADAL" clId="{B66F9EAA-205E-4280-88AD-8E45210EEBDB}" dt="2022-08-27T15:57:15.423" v="3739" actId="20577"/>
      <pc:docMkLst>
        <pc:docMk/>
      </pc:docMkLst>
      <pc:sldChg chg="addSp delSp modSp del mod delAnim modAnim">
        <pc:chgData name="Matias Vázquez Piñón" userId="2f86a967-3c9c-4a39-b538-7e6c0574d83d" providerId="ADAL" clId="{B66F9EAA-205E-4280-88AD-8E45210EEBDB}" dt="2022-08-27T13:28:49.427" v="560" actId="47"/>
        <pc:sldMkLst>
          <pc:docMk/>
          <pc:sldMk cId="1796381250" sldId="257"/>
        </pc:sldMkLst>
        <pc:spChg chg="mod">
          <ac:chgData name="Matias Vázquez Piñón" userId="2f86a967-3c9c-4a39-b538-7e6c0574d83d" providerId="ADAL" clId="{B66F9EAA-205E-4280-88AD-8E45210EEBDB}" dt="2022-08-27T13:26:49.866" v="558" actId="1076"/>
          <ac:spMkLst>
            <pc:docMk/>
            <pc:sldMk cId="1796381250" sldId="257"/>
            <ac:spMk id="3" creationId="{9ABD2501-5E2C-84F8-5978-93D1F7F43359}"/>
          </ac:spMkLst>
        </pc:spChg>
        <pc:spChg chg="add del mod">
          <ac:chgData name="Matias Vázquez Piñón" userId="2f86a967-3c9c-4a39-b538-7e6c0574d83d" providerId="ADAL" clId="{B66F9EAA-205E-4280-88AD-8E45210EEBDB}" dt="2022-08-27T13:25:13.680" v="545" actId="931"/>
          <ac:spMkLst>
            <pc:docMk/>
            <pc:sldMk cId="1796381250" sldId="257"/>
            <ac:spMk id="5" creationId="{9D4A85CE-5B34-29CC-8C15-7A95D9E55B3A}"/>
          </ac:spMkLst>
        </pc:spChg>
        <pc:spChg chg="del">
          <ac:chgData name="Matias Vázquez Piñón" userId="2f86a967-3c9c-4a39-b538-7e6c0574d83d" providerId="ADAL" clId="{B66F9EAA-205E-4280-88AD-8E45210EEBDB}" dt="2022-08-25T21:10:49.660" v="27" actId="478"/>
          <ac:spMkLst>
            <pc:docMk/>
            <pc:sldMk cId="1796381250" sldId="257"/>
            <ac:spMk id="7" creationId="{4B35C13A-B74F-208C-1037-FAEFA9222DBD}"/>
          </ac:spMkLst>
        </pc:spChg>
        <pc:spChg chg="add mod">
          <ac:chgData name="Matias Vázquez Piñón" userId="2f86a967-3c9c-4a39-b538-7e6c0574d83d" providerId="ADAL" clId="{B66F9EAA-205E-4280-88AD-8E45210EEBDB}" dt="2022-08-27T13:26:30.918" v="557" actId="478"/>
          <ac:spMkLst>
            <pc:docMk/>
            <pc:sldMk cId="1796381250" sldId="257"/>
            <ac:spMk id="12" creationId="{9DE5E27E-E0D0-11E6-298D-884518F71F45}"/>
          </ac:spMkLst>
        </pc:spChg>
        <pc:picChg chg="add del mod">
          <ac:chgData name="Matias Vázquez Piñón" userId="2f86a967-3c9c-4a39-b538-7e6c0574d83d" providerId="ADAL" clId="{B66F9EAA-205E-4280-88AD-8E45210EEBDB}" dt="2022-08-27T13:25:16.989" v="547" actId="478"/>
          <ac:picMkLst>
            <pc:docMk/>
            <pc:sldMk cId="1796381250" sldId="257"/>
            <ac:picMk id="7" creationId="{9B992A5F-2B3A-BC0D-7793-D60EFC774822}"/>
          </ac:picMkLst>
        </pc:picChg>
        <pc:picChg chg="add del mod">
          <ac:chgData name="Matias Vázquez Piñón" userId="2f86a967-3c9c-4a39-b538-7e6c0574d83d" providerId="ADAL" clId="{B66F9EAA-205E-4280-88AD-8E45210EEBDB}" dt="2022-08-27T13:25:16.025" v="546" actId="478"/>
          <ac:picMkLst>
            <pc:docMk/>
            <pc:sldMk cId="1796381250" sldId="257"/>
            <ac:picMk id="9" creationId="{B400B33E-A449-55A9-6A9B-BD0940FD91AD}"/>
          </ac:picMkLst>
        </pc:picChg>
        <pc:picChg chg="add del mod">
          <ac:chgData name="Matias Vázquez Piñón" userId="2f86a967-3c9c-4a39-b538-7e6c0574d83d" providerId="ADAL" clId="{B66F9EAA-205E-4280-88AD-8E45210EEBDB}" dt="2022-08-27T13:26:30.918" v="557" actId="478"/>
          <ac:picMkLst>
            <pc:docMk/>
            <pc:sldMk cId="1796381250" sldId="257"/>
            <ac:picMk id="11" creationId="{0CACC337-112D-64C2-E255-576E0DE0FF76}"/>
          </ac:picMkLst>
        </pc:picChg>
      </pc:sldChg>
      <pc:sldChg chg="modSp mod">
        <pc:chgData name="Matias Vázquez Piñón" userId="2f86a967-3c9c-4a39-b538-7e6c0574d83d" providerId="ADAL" clId="{B66F9EAA-205E-4280-88AD-8E45210EEBDB}" dt="2022-08-25T21:10:10.521" v="23" actId="6549"/>
        <pc:sldMkLst>
          <pc:docMk/>
          <pc:sldMk cId="2320714135" sldId="260"/>
        </pc:sldMkLst>
        <pc:spChg chg="mod">
          <ac:chgData name="Matias Vázquez Piñón" userId="2f86a967-3c9c-4a39-b538-7e6c0574d83d" providerId="ADAL" clId="{B66F9EAA-205E-4280-88AD-8E45210EEBDB}" dt="2022-08-25T21:10:10.521" v="23" actId="6549"/>
          <ac:spMkLst>
            <pc:docMk/>
            <pc:sldMk cId="2320714135" sldId="260"/>
            <ac:spMk id="4" creationId="{674358EA-4D5B-461F-997D-DE6729900DE7}"/>
          </ac:spMkLst>
        </pc:sp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622507875" sldId="263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1944785628" sldId="266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3675564955" sldId="267"/>
        </pc:sldMkLst>
      </pc:sldChg>
      <pc:sldChg chg="modSp mod">
        <pc:chgData name="Matias Vázquez Piñón" userId="2f86a967-3c9c-4a39-b538-7e6c0574d83d" providerId="ADAL" clId="{B66F9EAA-205E-4280-88AD-8E45210EEBDB}" dt="2022-08-25T21:11:03.947" v="43" actId="20577"/>
        <pc:sldMkLst>
          <pc:docMk/>
          <pc:sldMk cId="2429412400" sldId="276"/>
        </pc:sldMkLst>
        <pc:spChg chg="mod">
          <ac:chgData name="Matias Vázquez Piñón" userId="2f86a967-3c9c-4a39-b538-7e6c0574d83d" providerId="ADAL" clId="{B66F9EAA-205E-4280-88AD-8E45210EEBDB}" dt="2022-08-25T21:11:03.947" v="43" actId="20577"/>
          <ac:spMkLst>
            <pc:docMk/>
            <pc:sldMk cId="2429412400" sldId="276"/>
            <ac:spMk id="2" creationId="{5FB5D724-7A69-F201-D7A3-2751D2E6CEC0}"/>
          </ac:spMkLst>
        </pc:sp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3779636042" sldId="277"/>
        </pc:sldMkLst>
      </pc:sldChg>
      <pc:sldChg chg="modSp add mod chgLayout">
        <pc:chgData name="Matias Vázquez Piñón" userId="2f86a967-3c9c-4a39-b538-7e6c0574d83d" providerId="ADAL" clId="{B66F9EAA-205E-4280-88AD-8E45210EEBDB}" dt="2022-08-27T15:05:15.560" v="1602" actId="700"/>
        <pc:sldMkLst>
          <pc:docMk/>
          <pc:sldMk cId="3991215200" sldId="277"/>
        </pc:sldMkLst>
        <pc:spChg chg="mod ord">
          <ac:chgData name="Matias Vázquez Piñón" userId="2f86a967-3c9c-4a39-b538-7e6c0574d83d" providerId="ADAL" clId="{B66F9EAA-205E-4280-88AD-8E45210EEBDB}" dt="2022-08-27T15:05:15.560" v="1602" actId="700"/>
          <ac:spMkLst>
            <pc:docMk/>
            <pc:sldMk cId="3991215200" sldId="277"/>
            <ac:spMk id="2" creationId="{5FB5D724-7A69-F201-D7A3-2751D2E6CEC0}"/>
          </ac:spMkLst>
        </pc:spChg>
        <pc:spChg chg="mod ord">
          <ac:chgData name="Matias Vázquez Piñón" userId="2f86a967-3c9c-4a39-b538-7e6c0574d83d" providerId="ADAL" clId="{B66F9EAA-205E-4280-88AD-8E45210EEBDB}" dt="2022-08-27T15:05:15.560" v="1602" actId="700"/>
          <ac:spMkLst>
            <pc:docMk/>
            <pc:sldMk cId="3991215200" sldId="277"/>
            <ac:spMk id="3" creationId="{842DB822-089B-CD2E-DD66-1D551B373CE8}"/>
          </ac:spMkLst>
        </pc:spChg>
        <pc:spChg chg="mod ord">
          <ac:chgData name="Matias Vázquez Piñón" userId="2f86a967-3c9c-4a39-b538-7e6c0574d83d" providerId="ADAL" clId="{B66F9EAA-205E-4280-88AD-8E45210EEBDB}" dt="2022-08-27T15:05:15.560" v="1602" actId="700"/>
          <ac:spMkLst>
            <pc:docMk/>
            <pc:sldMk cId="3991215200" sldId="277"/>
            <ac:spMk id="4" creationId="{017D03C7-F44A-0486-F42D-CA1C5D425594}"/>
          </ac:spMkLst>
        </pc:spChg>
      </pc:sldChg>
      <pc:sldChg chg="modSp add mod ord">
        <pc:chgData name="Matias Vázquez Piñón" userId="2f86a967-3c9c-4a39-b538-7e6c0574d83d" providerId="ADAL" clId="{B66F9EAA-205E-4280-88AD-8E45210EEBDB}" dt="2022-08-25T21:11:40.694" v="119" actId="20577"/>
        <pc:sldMkLst>
          <pc:docMk/>
          <pc:sldMk cId="486340614" sldId="278"/>
        </pc:sldMkLst>
        <pc:spChg chg="mod">
          <ac:chgData name="Matias Vázquez Piñón" userId="2f86a967-3c9c-4a39-b538-7e6c0574d83d" providerId="ADAL" clId="{B66F9EAA-205E-4280-88AD-8E45210EEBDB}" dt="2022-08-25T21:11:40.694" v="119" actId="20577"/>
          <ac:spMkLst>
            <pc:docMk/>
            <pc:sldMk cId="486340614" sldId="278"/>
            <ac:spMk id="2" creationId="{5FB5D724-7A69-F201-D7A3-2751D2E6CEC0}"/>
          </ac:spMkLst>
        </pc:sp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3286921969" sldId="278"/>
        </pc:sldMkLst>
      </pc:sldChg>
      <pc:sldChg chg="modSp new mod">
        <pc:chgData name="Matias Vázquez Piñón" userId="2f86a967-3c9c-4a39-b538-7e6c0574d83d" providerId="ADAL" clId="{B66F9EAA-205E-4280-88AD-8E45210EEBDB}" dt="2022-08-25T21:14:40.071" v="229" actId="20577"/>
        <pc:sldMkLst>
          <pc:docMk/>
          <pc:sldMk cId="2070219909" sldId="279"/>
        </pc:sldMkLst>
        <pc:spChg chg="mod">
          <ac:chgData name="Matias Vázquez Piñón" userId="2f86a967-3c9c-4a39-b538-7e6c0574d83d" providerId="ADAL" clId="{B66F9EAA-205E-4280-88AD-8E45210EEBDB}" dt="2022-08-25T21:14:40.071" v="229" actId="20577"/>
          <ac:spMkLst>
            <pc:docMk/>
            <pc:sldMk cId="2070219909" sldId="279"/>
            <ac:spMk id="3" creationId="{7AE75F08-ED4F-28BA-1C57-F13CF78D6209}"/>
          </ac:spMkLst>
        </pc:spChg>
      </pc:sldChg>
      <pc:sldChg chg="modSp new del mod">
        <pc:chgData name="Matias Vázquez Piñón" userId="2f86a967-3c9c-4a39-b538-7e6c0574d83d" providerId="ADAL" clId="{B66F9EAA-205E-4280-88AD-8E45210EEBDB}" dt="2022-08-27T13:26:58.663" v="559" actId="47"/>
        <pc:sldMkLst>
          <pc:docMk/>
          <pc:sldMk cId="757322873" sldId="280"/>
        </pc:sldMkLst>
        <pc:spChg chg="mod">
          <ac:chgData name="Matias Vázquez Piñón" userId="2f86a967-3c9c-4a39-b538-7e6c0574d83d" providerId="ADAL" clId="{B66F9EAA-205E-4280-88AD-8E45210EEBDB}" dt="2022-08-25T21:16:40.587" v="269" actId="20577"/>
          <ac:spMkLst>
            <pc:docMk/>
            <pc:sldMk cId="757322873" sldId="280"/>
            <ac:spMk id="3" creationId="{FA1A98B6-8A85-B462-6F07-8E4BA20378AC}"/>
          </ac:spMkLst>
        </pc:spChg>
        <pc:spChg chg="mod">
          <ac:chgData name="Matias Vázquez Piñón" userId="2f86a967-3c9c-4a39-b538-7e6c0574d83d" providerId="ADAL" clId="{B66F9EAA-205E-4280-88AD-8E45210EEBDB}" dt="2022-08-25T21:16:37.217" v="268" actId="20577"/>
          <ac:spMkLst>
            <pc:docMk/>
            <pc:sldMk cId="757322873" sldId="280"/>
            <ac:spMk id="4" creationId="{DC3B18B3-C942-E467-D24A-C84ED1395839}"/>
          </ac:spMkLst>
        </pc:sp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866640030" sldId="280"/>
        </pc:sldMkLst>
      </pc:sldChg>
      <pc:sldChg chg="addSp delSp modSp new del mod chgLayout">
        <pc:chgData name="Matias Vázquez Piñón" userId="2f86a967-3c9c-4a39-b538-7e6c0574d83d" providerId="ADAL" clId="{B66F9EAA-205E-4280-88AD-8E45210EEBDB}" dt="2022-08-27T15:30:43.493" v="3443" actId="47"/>
        <pc:sldMkLst>
          <pc:docMk/>
          <pc:sldMk cId="1686499026" sldId="281"/>
        </pc:sldMkLst>
        <pc:spChg chg="mod ord">
          <ac:chgData name="Matias Vázquez Piñón" userId="2f86a967-3c9c-4a39-b538-7e6c0574d83d" providerId="ADAL" clId="{B66F9EAA-205E-4280-88AD-8E45210EEBDB}" dt="2022-08-27T15:02:54.209" v="1549" actId="20577"/>
          <ac:spMkLst>
            <pc:docMk/>
            <pc:sldMk cId="1686499026" sldId="281"/>
            <ac:spMk id="2" creationId="{4A3B34E9-790D-8D3B-F4FC-D25108D99ABA}"/>
          </ac:spMkLst>
        </pc:spChg>
        <pc:spChg chg="mod ord">
          <ac:chgData name="Matias Vázquez Piñón" userId="2f86a967-3c9c-4a39-b538-7e6c0574d83d" providerId="ADAL" clId="{B66F9EAA-205E-4280-88AD-8E45210EEBDB}" dt="2022-08-27T15:01:19.402" v="1530" actId="20577"/>
          <ac:spMkLst>
            <pc:docMk/>
            <pc:sldMk cId="1686499026" sldId="281"/>
            <ac:spMk id="3" creationId="{EE682FD7-0C76-8DA0-A5CB-F7573A7E4A63}"/>
          </ac:spMkLst>
        </pc:spChg>
        <pc:spChg chg="mod ord">
          <ac:chgData name="Matias Vázquez Piñón" userId="2f86a967-3c9c-4a39-b538-7e6c0574d83d" providerId="ADAL" clId="{B66F9EAA-205E-4280-88AD-8E45210EEBDB}" dt="2022-08-27T14:53:08.865" v="1136" actId="700"/>
          <ac:spMkLst>
            <pc:docMk/>
            <pc:sldMk cId="1686499026" sldId="281"/>
            <ac:spMk id="4" creationId="{5E6306AD-E90B-C273-70AF-13F5DBC2C2C1}"/>
          </ac:spMkLst>
        </pc:spChg>
        <pc:spChg chg="add del mod ord">
          <ac:chgData name="Matias Vázquez Piñón" userId="2f86a967-3c9c-4a39-b538-7e6c0574d83d" providerId="ADAL" clId="{B66F9EAA-205E-4280-88AD-8E45210EEBDB}" dt="2022-08-27T14:57:46.737" v="1465" actId="931"/>
          <ac:spMkLst>
            <pc:docMk/>
            <pc:sldMk cId="1686499026" sldId="281"/>
            <ac:spMk id="5" creationId="{F0EE50E0-0BBD-40E0-0D49-1FFC9FBC6EBA}"/>
          </ac:spMkLst>
        </pc:spChg>
        <pc:spChg chg="add del mod ord">
          <ac:chgData name="Matias Vázquez Piñón" userId="2f86a967-3c9c-4a39-b538-7e6c0574d83d" providerId="ADAL" clId="{B66F9EAA-205E-4280-88AD-8E45210EEBDB}" dt="2022-08-27T14:57:46.737" v="1465" actId="931"/>
          <ac:spMkLst>
            <pc:docMk/>
            <pc:sldMk cId="1686499026" sldId="281"/>
            <ac:spMk id="6" creationId="{815B1744-C092-DD89-8B3E-DA0BF58CB33C}"/>
          </ac:spMkLst>
        </pc:spChg>
        <pc:spChg chg="add mod ord">
          <ac:chgData name="Matias Vázquez Piñón" userId="2f86a967-3c9c-4a39-b538-7e6c0574d83d" providerId="ADAL" clId="{B66F9EAA-205E-4280-88AD-8E45210EEBDB}" dt="2022-08-27T14:53:08.865" v="1136" actId="700"/>
          <ac:spMkLst>
            <pc:docMk/>
            <pc:sldMk cId="1686499026" sldId="281"/>
            <ac:spMk id="7" creationId="{35B554CE-0ED0-1872-7674-F98CABCDFAB7}"/>
          </ac:spMkLst>
        </pc:spChg>
        <pc:spChg chg="add mod ord">
          <ac:chgData name="Matias Vázquez Piñón" userId="2f86a967-3c9c-4a39-b538-7e6c0574d83d" providerId="ADAL" clId="{B66F9EAA-205E-4280-88AD-8E45210EEBDB}" dt="2022-08-27T15:00:22.304" v="1497" actId="20577"/>
          <ac:spMkLst>
            <pc:docMk/>
            <pc:sldMk cId="1686499026" sldId="281"/>
            <ac:spMk id="8" creationId="{DB0E95FD-CBA0-EBF7-662D-EA4EEFC540F6}"/>
          </ac:spMkLst>
        </pc:spChg>
        <pc:spChg chg="add mod ord">
          <ac:chgData name="Matias Vázquez Piñón" userId="2f86a967-3c9c-4a39-b538-7e6c0574d83d" providerId="ADAL" clId="{B66F9EAA-205E-4280-88AD-8E45210EEBDB}" dt="2022-08-27T14:58:42.141" v="1481"/>
          <ac:spMkLst>
            <pc:docMk/>
            <pc:sldMk cId="1686499026" sldId="281"/>
            <ac:spMk id="9" creationId="{3930DBDA-F76D-6495-076C-5BCBC6FC94A3}"/>
          </ac:spMkLst>
        </pc:spChg>
        <pc:spChg chg="add mod ord">
          <ac:chgData name="Matias Vázquez Piñón" userId="2f86a967-3c9c-4a39-b538-7e6c0574d83d" providerId="ADAL" clId="{B66F9EAA-205E-4280-88AD-8E45210EEBDB}" dt="2022-08-27T14:53:32.925" v="1183" actId="20577"/>
          <ac:spMkLst>
            <pc:docMk/>
            <pc:sldMk cId="1686499026" sldId="281"/>
            <ac:spMk id="10" creationId="{F94096E2-7E11-88B3-E72D-84D78A704A8E}"/>
          </ac:spMkLst>
        </pc:spChg>
        <pc:spChg chg="add mod ord">
          <ac:chgData name="Matias Vázquez Piñón" userId="2f86a967-3c9c-4a39-b538-7e6c0574d83d" providerId="ADAL" clId="{B66F9EAA-205E-4280-88AD-8E45210EEBDB}" dt="2022-08-27T15:01:32.160" v="1542" actId="20577"/>
          <ac:spMkLst>
            <pc:docMk/>
            <pc:sldMk cId="1686499026" sldId="281"/>
            <ac:spMk id="11" creationId="{C81DBF44-CC14-4044-0014-F3A269480CD1}"/>
          </ac:spMkLst>
        </pc:spChg>
        <pc:spChg chg="add mod">
          <ac:chgData name="Matias Vázquez Piñón" userId="2f86a967-3c9c-4a39-b538-7e6c0574d83d" providerId="ADAL" clId="{B66F9EAA-205E-4280-88AD-8E45210EEBDB}" dt="2022-08-27T14:57:50.423" v="1466" actId="21"/>
          <ac:spMkLst>
            <pc:docMk/>
            <pc:sldMk cId="1686499026" sldId="281"/>
            <ac:spMk id="16" creationId="{A2684E74-19A9-9D66-0289-B9F7D2219F2F}"/>
          </ac:spMkLst>
        </pc:spChg>
        <pc:spChg chg="add mod">
          <ac:chgData name="Matias Vázquez Piñón" userId="2f86a967-3c9c-4a39-b538-7e6c0574d83d" providerId="ADAL" clId="{B66F9EAA-205E-4280-88AD-8E45210EEBDB}" dt="2022-08-27T14:57:50.423" v="1466" actId="21"/>
          <ac:spMkLst>
            <pc:docMk/>
            <pc:sldMk cId="1686499026" sldId="281"/>
            <ac:spMk id="17" creationId="{94E7286C-8D4B-F45D-F0D3-34745E493941}"/>
          </ac:spMkLst>
        </pc:spChg>
        <pc:picChg chg="add del mod">
          <ac:chgData name="Matias Vázquez Piñón" userId="2f86a967-3c9c-4a39-b538-7e6c0574d83d" providerId="ADAL" clId="{B66F9EAA-205E-4280-88AD-8E45210EEBDB}" dt="2022-08-27T14:57:50.423" v="1466" actId="21"/>
          <ac:picMkLst>
            <pc:docMk/>
            <pc:sldMk cId="1686499026" sldId="281"/>
            <ac:picMk id="13" creationId="{6BE3037B-6ECF-735F-7B7D-915A5DF08E7E}"/>
          </ac:picMkLst>
        </pc:picChg>
        <pc:picChg chg="add del mod">
          <ac:chgData name="Matias Vázquez Piñón" userId="2f86a967-3c9c-4a39-b538-7e6c0574d83d" providerId="ADAL" clId="{B66F9EAA-205E-4280-88AD-8E45210EEBDB}" dt="2022-08-27T14:57:50.423" v="1466" actId="21"/>
          <ac:picMkLst>
            <pc:docMk/>
            <pc:sldMk cId="1686499026" sldId="281"/>
            <ac:picMk id="15" creationId="{F71DBEF3-59DB-600A-4E64-98B582512C89}"/>
          </ac:picMkLst>
        </pc:picChg>
        <pc:picChg chg="add del mod">
          <ac:chgData name="Matias Vázquez Piñón" userId="2f86a967-3c9c-4a39-b538-7e6c0574d83d" providerId="ADAL" clId="{B66F9EAA-205E-4280-88AD-8E45210EEBDB}" dt="2022-08-27T14:58:28.464" v="1478" actId="478"/>
          <ac:picMkLst>
            <pc:docMk/>
            <pc:sldMk cId="1686499026" sldId="281"/>
            <ac:picMk id="18" creationId="{3FD18EC2-0CA7-9E8F-2845-DABA6934B213}"/>
          </ac:picMkLst>
        </pc:picChg>
        <pc:picChg chg="add del mod">
          <ac:chgData name="Matias Vázquez Piñón" userId="2f86a967-3c9c-4a39-b538-7e6c0574d83d" providerId="ADAL" clId="{B66F9EAA-205E-4280-88AD-8E45210EEBDB}" dt="2022-08-27T14:58:29.119" v="1479" actId="478"/>
          <ac:picMkLst>
            <pc:docMk/>
            <pc:sldMk cId="1686499026" sldId="281"/>
            <ac:picMk id="19" creationId="{BE3887D5-CCEA-F283-F13D-A7BE5DA8BA5E}"/>
          </ac:picMkLst>
        </pc:pic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657048017" sldId="281"/>
        </pc:sldMkLst>
      </pc:sldChg>
      <pc:sldChg chg="new del">
        <pc:chgData name="Matias Vázquez Piñón" userId="2f86a967-3c9c-4a39-b538-7e6c0574d83d" providerId="ADAL" clId="{B66F9EAA-205E-4280-88AD-8E45210EEBDB}" dt="2022-08-25T21:19:38.460" v="271" actId="680"/>
        <pc:sldMkLst>
          <pc:docMk/>
          <pc:sldMk cId="2827954881" sldId="281"/>
        </pc:sldMkLst>
      </pc:sldChg>
      <pc:sldChg chg="modSp new del mod">
        <pc:chgData name="Matias Vázquez Piñón" userId="2f86a967-3c9c-4a39-b538-7e6c0574d83d" providerId="ADAL" clId="{B66F9EAA-205E-4280-88AD-8E45210EEBDB}" dt="2022-08-27T13:48:27.125" v="915" actId="47"/>
        <pc:sldMkLst>
          <pc:docMk/>
          <pc:sldMk cId="1805589925" sldId="282"/>
        </pc:sldMkLst>
        <pc:spChg chg="mod">
          <ac:chgData name="Matias Vázquez Piñón" userId="2f86a967-3c9c-4a39-b538-7e6c0574d83d" providerId="ADAL" clId="{B66F9EAA-205E-4280-88AD-8E45210EEBDB}" dt="2022-08-25T21:25:02.247" v="342" actId="20577"/>
          <ac:spMkLst>
            <pc:docMk/>
            <pc:sldMk cId="1805589925" sldId="282"/>
            <ac:spMk id="2" creationId="{9F0364DB-CAFE-D0A9-8CCC-96D70718E941}"/>
          </ac:spMkLst>
        </pc:spChg>
      </pc:sldChg>
      <pc:sldChg chg="modSp new del mod">
        <pc:chgData name="Matias Vázquez Piñón" userId="2f86a967-3c9c-4a39-b538-7e6c0574d83d" providerId="ADAL" clId="{B66F9EAA-205E-4280-88AD-8E45210EEBDB}" dt="2022-08-27T13:48:28.734" v="916" actId="47"/>
        <pc:sldMkLst>
          <pc:docMk/>
          <pc:sldMk cId="2507417801" sldId="283"/>
        </pc:sldMkLst>
        <pc:spChg chg="mod">
          <ac:chgData name="Matias Vázquez Piñón" userId="2f86a967-3c9c-4a39-b538-7e6c0574d83d" providerId="ADAL" clId="{B66F9EAA-205E-4280-88AD-8E45210EEBDB}" dt="2022-08-25T21:24:52.815" v="333" actId="20577"/>
          <ac:spMkLst>
            <pc:docMk/>
            <pc:sldMk cId="2507417801" sldId="283"/>
            <ac:spMk id="2" creationId="{A6118B3E-ABD6-23F3-4291-5BCE7E9AC94A}"/>
          </ac:spMkLst>
        </pc:sp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620245939" sldId="283"/>
        </pc:sldMkLst>
      </pc:sldChg>
      <pc:sldChg chg="addSp delSp modSp new mod">
        <pc:chgData name="Matias Vázquez Piñón" userId="2f86a967-3c9c-4a39-b538-7e6c0574d83d" providerId="ADAL" clId="{B66F9EAA-205E-4280-88AD-8E45210EEBDB}" dt="2022-08-27T13:49:14.437" v="953" actId="1076"/>
        <pc:sldMkLst>
          <pc:docMk/>
          <pc:sldMk cId="391587271" sldId="284"/>
        </pc:sldMkLst>
        <pc:spChg chg="mod">
          <ac:chgData name="Matias Vázquez Piñón" userId="2f86a967-3c9c-4a39-b538-7e6c0574d83d" providerId="ADAL" clId="{B66F9EAA-205E-4280-88AD-8E45210EEBDB}" dt="2022-08-25T21:37:36.185" v="400" actId="20577"/>
          <ac:spMkLst>
            <pc:docMk/>
            <pc:sldMk cId="391587271" sldId="284"/>
            <ac:spMk id="2" creationId="{FB4917B9-93C1-6126-72B2-6C3DD8705AB9}"/>
          </ac:spMkLst>
        </pc:spChg>
        <pc:spChg chg="del mod">
          <ac:chgData name="Matias Vázquez Piñón" userId="2f86a967-3c9c-4a39-b538-7e6c0574d83d" providerId="ADAL" clId="{B66F9EAA-205E-4280-88AD-8E45210EEBDB}" dt="2022-08-27T13:32:37.965" v="672" actId="478"/>
          <ac:spMkLst>
            <pc:docMk/>
            <pc:sldMk cId="391587271" sldId="284"/>
            <ac:spMk id="3" creationId="{19581220-CE6B-A581-9350-26204F4EC4C2}"/>
          </ac:spMkLst>
        </pc:spChg>
        <pc:spChg chg="add del mod">
          <ac:chgData name="Matias Vázquez Piñón" userId="2f86a967-3c9c-4a39-b538-7e6c0574d83d" providerId="ADAL" clId="{B66F9EAA-205E-4280-88AD-8E45210EEBDB}" dt="2022-08-27T13:33:44.933" v="679" actId="478"/>
          <ac:spMkLst>
            <pc:docMk/>
            <pc:sldMk cId="391587271" sldId="284"/>
            <ac:spMk id="8" creationId="{A4F9F0EA-DDDA-B2AD-AB09-A8C02B4B74F2}"/>
          </ac:spMkLst>
        </pc:spChg>
        <pc:spChg chg="add del mod">
          <ac:chgData name="Matias Vázquez Piñón" userId="2f86a967-3c9c-4a39-b538-7e6c0574d83d" providerId="ADAL" clId="{B66F9EAA-205E-4280-88AD-8E45210EEBDB}" dt="2022-08-27T13:33:44.933" v="679" actId="478"/>
          <ac:spMkLst>
            <pc:docMk/>
            <pc:sldMk cId="391587271" sldId="284"/>
            <ac:spMk id="9" creationId="{26029D30-8957-6C80-D989-4FBABC0FF196}"/>
          </ac:spMkLst>
        </pc:spChg>
        <pc:spChg chg="add del mod">
          <ac:chgData name="Matias Vázquez Piñón" userId="2f86a967-3c9c-4a39-b538-7e6c0574d83d" providerId="ADAL" clId="{B66F9EAA-205E-4280-88AD-8E45210EEBDB}" dt="2022-08-27T13:33:44.933" v="679" actId="478"/>
          <ac:spMkLst>
            <pc:docMk/>
            <pc:sldMk cId="391587271" sldId="284"/>
            <ac:spMk id="10" creationId="{F4C5EC80-9C2E-8BF8-4765-CD18AD0E2797}"/>
          </ac:spMkLst>
        </pc:spChg>
        <pc:spChg chg="add del mod">
          <ac:chgData name="Matias Vázquez Piñón" userId="2f86a967-3c9c-4a39-b538-7e6c0574d83d" providerId="ADAL" clId="{B66F9EAA-205E-4280-88AD-8E45210EEBDB}" dt="2022-08-27T13:33:24.352" v="677"/>
          <ac:spMkLst>
            <pc:docMk/>
            <pc:sldMk cId="391587271" sldId="284"/>
            <ac:spMk id="11" creationId="{F3341E55-BCED-3704-5B18-8451F6F9A1A2}"/>
          </ac:spMkLst>
        </pc:spChg>
        <pc:spChg chg="add del mod">
          <ac:chgData name="Matias Vázquez Piñón" userId="2f86a967-3c9c-4a39-b538-7e6c0574d83d" providerId="ADAL" clId="{B66F9EAA-205E-4280-88AD-8E45210EEBDB}" dt="2022-08-27T13:33:46.722" v="680"/>
          <ac:spMkLst>
            <pc:docMk/>
            <pc:sldMk cId="391587271" sldId="284"/>
            <ac:spMk id="14" creationId="{BF7B471F-02FB-1B67-B2FE-76B02235E695}"/>
          </ac:spMkLst>
        </pc:spChg>
        <pc:spChg chg="add mod">
          <ac:chgData name="Matias Vázquez Piñón" userId="2f86a967-3c9c-4a39-b538-7e6c0574d83d" providerId="ADAL" clId="{B66F9EAA-205E-4280-88AD-8E45210EEBDB}" dt="2022-08-27T13:45:06.247" v="866" actId="1076"/>
          <ac:spMkLst>
            <pc:docMk/>
            <pc:sldMk cId="391587271" sldId="284"/>
            <ac:spMk id="16" creationId="{61B7B120-09A7-8AB5-EC04-E0FBA9C42873}"/>
          </ac:spMkLst>
        </pc:spChg>
        <pc:spChg chg="add del mod">
          <ac:chgData name="Matias Vázquez Piñón" userId="2f86a967-3c9c-4a39-b538-7e6c0574d83d" providerId="ADAL" clId="{B66F9EAA-205E-4280-88AD-8E45210EEBDB}" dt="2022-08-27T13:45:17.612" v="868" actId="478"/>
          <ac:spMkLst>
            <pc:docMk/>
            <pc:sldMk cId="391587271" sldId="284"/>
            <ac:spMk id="17" creationId="{8BBA2AC2-09D7-423A-DAA4-1E36B6C76EDD}"/>
          </ac:spMkLst>
        </pc:spChg>
        <pc:spChg chg="add del mod">
          <ac:chgData name="Matias Vázquez Piñón" userId="2f86a967-3c9c-4a39-b538-7e6c0574d83d" providerId="ADAL" clId="{B66F9EAA-205E-4280-88AD-8E45210EEBDB}" dt="2022-08-27T13:45:11.628" v="867" actId="478"/>
          <ac:spMkLst>
            <pc:docMk/>
            <pc:sldMk cId="391587271" sldId="284"/>
            <ac:spMk id="18" creationId="{FA803A10-19F1-D4E6-509A-CBEF06E6AC44}"/>
          </ac:spMkLst>
        </pc:spChg>
        <pc:spChg chg="add mod">
          <ac:chgData name="Matias Vázquez Piñón" userId="2f86a967-3c9c-4a39-b538-7e6c0574d83d" providerId="ADAL" clId="{B66F9EAA-205E-4280-88AD-8E45210EEBDB}" dt="2022-08-27T13:46:12.719" v="885" actId="1076"/>
          <ac:spMkLst>
            <pc:docMk/>
            <pc:sldMk cId="391587271" sldId="284"/>
            <ac:spMk id="19" creationId="{214D8C3C-C4F4-8565-F75C-AD94857BB072}"/>
          </ac:spMkLst>
        </pc:spChg>
        <pc:spChg chg="add mod">
          <ac:chgData name="Matias Vázquez Piñón" userId="2f86a967-3c9c-4a39-b538-7e6c0574d83d" providerId="ADAL" clId="{B66F9EAA-205E-4280-88AD-8E45210EEBDB}" dt="2022-08-27T13:46:58.348" v="910" actId="20577"/>
          <ac:spMkLst>
            <pc:docMk/>
            <pc:sldMk cId="391587271" sldId="284"/>
            <ac:spMk id="22" creationId="{DEF948AC-DEE4-670F-1EF5-624CC5334AD2}"/>
          </ac:spMkLst>
        </pc:spChg>
        <pc:spChg chg="add mod">
          <ac:chgData name="Matias Vázquez Piñón" userId="2f86a967-3c9c-4a39-b538-7e6c0574d83d" providerId="ADAL" clId="{B66F9EAA-205E-4280-88AD-8E45210EEBDB}" dt="2022-08-27T13:47:18.151" v="912" actId="13822"/>
          <ac:spMkLst>
            <pc:docMk/>
            <pc:sldMk cId="391587271" sldId="284"/>
            <ac:spMk id="24" creationId="{90004BB3-CBE6-7758-76D5-45F94C87D02B}"/>
          </ac:spMkLst>
        </pc:spChg>
        <pc:spChg chg="add mod">
          <ac:chgData name="Matias Vázquez Piñón" userId="2f86a967-3c9c-4a39-b538-7e6c0574d83d" providerId="ADAL" clId="{B66F9EAA-205E-4280-88AD-8E45210EEBDB}" dt="2022-08-27T13:47:21.025" v="913" actId="13822"/>
          <ac:spMkLst>
            <pc:docMk/>
            <pc:sldMk cId="391587271" sldId="284"/>
            <ac:spMk id="25" creationId="{30421D45-508E-8B80-B1ED-41FFEA6F4EC8}"/>
          </ac:spMkLst>
        </pc:spChg>
        <pc:spChg chg="add mod">
          <ac:chgData name="Matias Vázquez Piñón" userId="2f86a967-3c9c-4a39-b538-7e6c0574d83d" providerId="ADAL" clId="{B66F9EAA-205E-4280-88AD-8E45210EEBDB}" dt="2022-08-27T13:49:14.437" v="953" actId="1076"/>
          <ac:spMkLst>
            <pc:docMk/>
            <pc:sldMk cId="391587271" sldId="284"/>
            <ac:spMk id="27" creationId="{CB07FC08-A377-A0A3-D804-A588B36582A0}"/>
          </ac:spMkLst>
        </pc:spChg>
        <pc:graphicFrameChg chg="add del mod modGraphic">
          <ac:chgData name="Matias Vázquez Piñón" userId="2f86a967-3c9c-4a39-b538-7e6c0574d83d" providerId="ADAL" clId="{B66F9EAA-205E-4280-88AD-8E45210EEBDB}" dt="2022-08-27T13:33:21.267" v="676" actId="21"/>
          <ac:graphicFrameMkLst>
            <pc:docMk/>
            <pc:sldMk cId="391587271" sldId="284"/>
            <ac:graphicFrameMk id="7" creationId="{1087C4FC-39D8-B0DB-4C74-AD5EA764F875}"/>
          </ac:graphicFrameMkLst>
        </pc:graphicFrameChg>
        <pc:graphicFrameChg chg="add del mod">
          <ac:chgData name="Matias Vázquez Piñón" userId="2f86a967-3c9c-4a39-b538-7e6c0574d83d" providerId="ADAL" clId="{B66F9EAA-205E-4280-88AD-8E45210EEBDB}" dt="2022-08-27T13:33:40.850" v="678" actId="21"/>
          <ac:graphicFrameMkLst>
            <pc:docMk/>
            <pc:sldMk cId="391587271" sldId="284"/>
            <ac:graphicFrameMk id="12" creationId="{26A35E22-EA31-24DC-BB8E-9651C2363C48}"/>
          </ac:graphicFrameMkLst>
        </pc:graphicFrameChg>
        <pc:graphicFrameChg chg="add mod">
          <ac:chgData name="Matias Vázquez Piñón" userId="2f86a967-3c9c-4a39-b538-7e6c0574d83d" providerId="ADAL" clId="{B66F9EAA-205E-4280-88AD-8E45210EEBDB}" dt="2022-08-27T13:49:00.937" v="950"/>
          <ac:graphicFrameMkLst>
            <pc:docMk/>
            <pc:sldMk cId="391587271" sldId="284"/>
            <ac:graphicFrameMk id="15" creationId="{4F716FC0-FD45-D6D2-4688-19BECAAC8E52}"/>
          </ac:graphicFrameMkLst>
        </pc:graphicFrameChg>
        <pc:picChg chg="add mod">
          <ac:chgData name="Matias Vázquez Piñón" userId="2f86a967-3c9c-4a39-b538-7e6c0574d83d" providerId="ADAL" clId="{B66F9EAA-205E-4280-88AD-8E45210EEBDB}" dt="2022-08-27T13:46:01.596" v="880" actId="14100"/>
          <ac:picMkLst>
            <pc:docMk/>
            <pc:sldMk cId="391587271" sldId="284"/>
            <ac:picMk id="21" creationId="{B55AD002-82C4-C0AF-247A-925381006311}"/>
          </ac:picMkLst>
        </pc:picChg>
        <pc:picChg chg="add del mod">
          <ac:chgData name="Matias Vázquez Piñón" userId="2f86a967-3c9c-4a39-b538-7e6c0574d83d" providerId="ADAL" clId="{B66F9EAA-205E-4280-88AD-8E45210EEBDB}" dt="2022-08-27T13:46:18.400" v="886" actId="478"/>
          <ac:picMkLst>
            <pc:docMk/>
            <pc:sldMk cId="391587271" sldId="284"/>
            <ac:picMk id="23" creationId="{611BC8E9-2D3A-252E-BD0B-E97E00F7EF7E}"/>
          </ac:picMkLst>
        </pc:picChg>
        <pc:picChg chg="add mod">
          <ac:chgData name="Matias Vázquez Piñón" userId="2f86a967-3c9c-4a39-b538-7e6c0574d83d" providerId="ADAL" clId="{B66F9EAA-205E-4280-88AD-8E45210EEBDB}" dt="2022-08-27T13:46:44.014" v="894" actId="1038"/>
          <ac:picMkLst>
            <pc:docMk/>
            <pc:sldMk cId="391587271" sldId="284"/>
            <ac:picMk id="26" creationId="{A9BF15F8-7235-9B9B-112D-BB71901C1C26}"/>
          </ac:picMkLst>
        </pc:pic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307097429" sldId="284"/>
        </pc:sldMkLst>
      </pc:sldChg>
      <pc:sldChg chg="addSp delSp modSp new del mod modClrScheme chgLayout">
        <pc:chgData name="Matias Vázquez Piñón" userId="2f86a967-3c9c-4a39-b538-7e6c0574d83d" providerId="ADAL" clId="{B66F9EAA-205E-4280-88AD-8E45210EEBDB}" dt="2022-08-27T13:39:02.902" v="742" actId="47"/>
        <pc:sldMkLst>
          <pc:docMk/>
          <pc:sldMk cId="174909486" sldId="285"/>
        </pc:sldMkLst>
        <pc:spChg chg="mod ord">
          <ac:chgData name="Matias Vázquez Piñón" userId="2f86a967-3c9c-4a39-b538-7e6c0574d83d" providerId="ADAL" clId="{B66F9EAA-205E-4280-88AD-8E45210EEBDB}" dt="2022-08-25T21:42:14.301" v="488" actId="700"/>
          <ac:spMkLst>
            <pc:docMk/>
            <pc:sldMk cId="174909486" sldId="285"/>
            <ac:spMk id="2" creationId="{9D705A98-4EA6-CBA9-E3F8-3E2DDC4B3AC8}"/>
          </ac:spMkLst>
        </pc:spChg>
        <pc:spChg chg="mod ord">
          <ac:chgData name="Matias Vázquez Piñón" userId="2f86a967-3c9c-4a39-b538-7e6c0574d83d" providerId="ADAL" clId="{B66F9EAA-205E-4280-88AD-8E45210EEBDB}" dt="2022-08-25T21:42:17.966" v="489" actId="27636"/>
          <ac:spMkLst>
            <pc:docMk/>
            <pc:sldMk cId="174909486" sldId="285"/>
            <ac:spMk id="3" creationId="{CE9B851F-B945-2C36-646B-1E59457CBF50}"/>
          </ac:spMkLst>
        </pc:spChg>
        <pc:spChg chg="mod ord">
          <ac:chgData name="Matias Vázquez Piñón" userId="2f86a967-3c9c-4a39-b538-7e6c0574d83d" providerId="ADAL" clId="{B66F9EAA-205E-4280-88AD-8E45210EEBDB}" dt="2022-08-25T21:42:14.301" v="488" actId="700"/>
          <ac:spMkLst>
            <pc:docMk/>
            <pc:sldMk cId="174909486" sldId="285"/>
            <ac:spMk id="4" creationId="{BBA75CD8-D339-BDC2-1C19-7772776425F1}"/>
          </ac:spMkLst>
        </pc:spChg>
        <pc:spChg chg="add del mod ord">
          <ac:chgData name="Matias Vázquez Piñón" userId="2f86a967-3c9c-4a39-b538-7e6c0574d83d" providerId="ADAL" clId="{B66F9EAA-205E-4280-88AD-8E45210EEBDB}" dt="2022-08-25T21:43:16.049" v="492" actId="22"/>
          <ac:spMkLst>
            <pc:docMk/>
            <pc:sldMk cId="174909486" sldId="285"/>
            <ac:spMk id="5" creationId="{8CE57A1B-8D09-C7B9-7A3C-0C3D1F97BE1E}"/>
          </ac:spMkLst>
        </pc:spChg>
        <pc:picChg chg="add del mod ord">
          <ac:chgData name="Matias Vázquez Piñón" userId="2f86a967-3c9c-4a39-b538-7e6c0574d83d" providerId="ADAL" clId="{B66F9EAA-205E-4280-88AD-8E45210EEBDB}" dt="2022-08-25T21:43:04.391" v="491" actId="22"/>
          <ac:picMkLst>
            <pc:docMk/>
            <pc:sldMk cId="174909486" sldId="285"/>
            <ac:picMk id="7" creationId="{45878938-6400-AF1A-901E-1F8A112C5B35}"/>
          </ac:picMkLst>
        </pc:picChg>
        <pc:picChg chg="add mod ord">
          <ac:chgData name="Matias Vázquez Piñón" userId="2f86a967-3c9c-4a39-b538-7e6c0574d83d" providerId="ADAL" clId="{B66F9EAA-205E-4280-88AD-8E45210EEBDB}" dt="2022-08-25T21:43:16.049" v="492" actId="22"/>
          <ac:picMkLst>
            <pc:docMk/>
            <pc:sldMk cId="174909486" sldId="285"/>
            <ac:picMk id="9" creationId="{19404F77-2E9A-D7F8-63D8-2C8CFA70111D}"/>
          </ac:picMkLst>
        </pc:picChg>
        <pc:picChg chg="add mod">
          <ac:chgData name="Matias Vázquez Piñón" userId="2f86a967-3c9c-4a39-b538-7e6c0574d83d" providerId="ADAL" clId="{B66F9EAA-205E-4280-88AD-8E45210EEBDB}" dt="2022-08-25T21:43:41.227" v="496" actId="1076"/>
          <ac:picMkLst>
            <pc:docMk/>
            <pc:sldMk cId="174909486" sldId="285"/>
            <ac:picMk id="11" creationId="{51041E8D-A5A5-FD8F-3934-3D9DAB2979AE}"/>
          </ac:picMkLst>
        </pc:pic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3102174217" sldId="286"/>
        </pc:sldMkLst>
      </pc:sldChg>
      <pc:sldChg chg="addSp delSp modSp new del mod">
        <pc:chgData name="Matias Vázquez Piñón" userId="2f86a967-3c9c-4a39-b538-7e6c0574d83d" providerId="ADAL" clId="{B66F9EAA-205E-4280-88AD-8E45210EEBDB}" dt="2022-08-27T13:48:19.134" v="914" actId="47"/>
        <pc:sldMkLst>
          <pc:docMk/>
          <pc:sldMk cId="3504830102" sldId="286"/>
        </pc:sldMkLst>
        <pc:spChg chg="mod">
          <ac:chgData name="Matias Vázquez Piñón" userId="2f86a967-3c9c-4a39-b538-7e6c0574d83d" providerId="ADAL" clId="{B66F9EAA-205E-4280-88AD-8E45210EEBDB}" dt="2022-08-25T21:46:25.936" v="530" actId="20577"/>
          <ac:spMkLst>
            <pc:docMk/>
            <pc:sldMk cId="3504830102" sldId="286"/>
            <ac:spMk id="2" creationId="{6F4C3EB9-2923-D482-67D9-19457352754D}"/>
          </ac:spMkLst>
        </pc:spChg>
        <pc:spChg chg="mod">
          <ac:chgData name="Matias Vázquez Piñón" userId="2f86a967-3c9c-4a39-b538-7e6c0574d83d" providerId="ADAL" clId="{B66F9EAA-205E-4280-88AD-8E45210EEBDB}" dt="2022-08-25T21:48:06.522" v="543" actId="27636"/>
          <ac:spMkLst>
            <pc:docMk/>
            <pc:sldMk cId="3504830102" sldId="286"/>
            <ac:spMk id="3" creationId="{ABEC57D6-B0F3-AFB1-CD47-60385D57A3BC}"/>
          </ac:spMkLst>
        </pc:spChg>
        <pc:spChg chg="del">
          <ac:chgData name="Matias Vázquez Piñón" userId="2f86a967-3c9c-4a39-b538-7e6c0574d83d" providerId="ADAL" clId="{B66F9EAA-205E-4280-88AD-8E45210EEBDB}" dt="2022-08-25T21:48:26.159" v="544" actId="22"/>
          <ac:spMkLst>
            <pc:docMk/>
            <pc:sldMk cId="3504830102" sldId="286"/>
            <ac:spMk id="4" creationId="{E0DE9F39-24A9-F5E3-80EC-2516B3FF6CE9}"/>
          </ac:spMkLst>
        </pc:spChg>
        <pc:picChg chg="add mod ord">
          <ac:chgData name="Matias Vázquez Piñón" userId="2f86a967-3c9c-4a39-b538-7e6c0574d83d" providerId="ADAL" clId="{B66F9EAA-205E-4280-88AD-8E45210EEBDB}" dt="2022-08-25T21:48:26.159" v="544" actId="22"/>
          <ac:picMkLst>
            <pc:docMk/>
            <pc:sldMk cId="3504830102" sldId="286"/>
            <ac:picMk id="7" creationId="{57DC3BEB-435D-F232-86DF-34C8A4B4983B}"/>
          </ac:picMkLst>
        </pc:pic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113485509" sldId="287"/>
        </pc:sldMkLst>
      </pc:sldChg>
      <pc:sldChg chg="modSp add del mod">
        <pc:chgData name="Matias Vázquez Piñón" userId="2f86a967-3c9c-4a39-b538-7e6c0574d83d" providerId="ADAL" clId="{B66F9EAA-205E-4280-88AD-8E45210EEBDB}" dt="2022-08-27T15:30:49.731" v="3444" actId="47"/>
        <pc:sldMkLst>
          <pc:docMk/>
          <pc:sldMk cId="233650889" sldId="288"/>
        </pc:sldMkLst>
        <pc:spChg chg="mod">
          <ac:chgData name="Matias Vázquez Piñón" userId="2f86a967-3c9c-4a39-b538-7e6c0574d83d" providerId="ADAL" clId="{B66F9EAA-205E-4280-88AD-8E45210EEBDB}" dt="2022-08-27T15:03:14.462" v="1564" actId="20577"/>
          <ac:spMkLst>
            <pc:docMk/>
            <pc:sldMk cId="233650889" sldId="288"/>
            <ac:spMk id="2" creationId="{4A3B34E9-790D-8D3B-F4FC-D25108D99ABA}"/>
          </ac:spMkLst>
        </pc:spChg>
        <pc:spChg chg="mod">
          <ac:chgData name="Matias Vázquez Piñón" userId="2f86a967-3c9c-4a39-b538-7e6c0574d83d" providerId="ADAL" clId="{B66F9EAA-205E-4280-88AD-8E45210EEBDB}" dt="2022-08-27T15:03:21.108" v="1576" actId="20577"/>
          <ac:spMkLst>
            <pc:docMk/>
            <pc:sldMk cId="233650889" sldId="288"/>
            <ac:spMk id="8" creationId="{DB0E95FD-CBA0-EBF7-662D-EA4EEFC540F6}"/>
          </ac:spMkLst>
        </pc:spChg>
        <pc:spChg chg="mod">
          <ac:chgData name="Matias Vázquez Piñón" userId="2f86a967-3c9c-4a39-b538-7e6c0574d83d" providerId="ADAL" clId="{B66F9EAA-205E-4280-88AD-8E45210EEBDB}" dt="2022-08-27T15:03:29.326" v="1600" actId="20577"/>
          <ac:spMkLst>
            <pc:docMk/>
            <pc:sldMk cId="233650889" sldId="288"/>
            <ac:spMk id="10" creationId="{F94096E2-7E11-88B3-E72D-84D78A704A8E}"/>
          </ac:spMkLst>
        </pc:sp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583678347" sldId="288"/>
        </pc:sldMkLst>
      </pc:sldChg>
      <pc:sldChg chg="new del">
        <pc:chgData name="Matias Vázquez Piñón" userId="2f86a967-3c9c-4a39-b538-7e6c0574d83d" providerId="ADAL" clId="{B66F9EAA-205E-4280-88AD-8E45210EEBDB}" dt="2022-08-27T13:35:10.334" v="695" actId="47"/>
        <pc:sldMkLst>
          <pc:docMk/>
          <pc:sldMk cId="3802560777" sldId="288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261103467" sldId="289"/>
        </pc:sldMkLst>
      </pc:sldChg>
      <pc:sldChg chg="addSp delSp modSp new mod">
        <pc:chgData name="Matias Vázquez Piñón" userId="2f86a967-3c9c-4a39-b538-7e6c0574d83d" providerId="ADAL" clId="{B66F9EAA-205E-4280-88AD-8E45210EEBDB}" dt="2022-08-27T15:05:30.401" v="1654" actId="20577"/>
        <pc:sldMkLst>
          <pc:docMk/>
          <pc:sldMk cId="3182323920" sldId="289"/>
        </pc:sldMkLst>
        <pc:spChg chg="mod">
          <ac:chgData name="Matias Vázquez Piñón" userId="2f86a967-3c9c-4a39-b538-7e6c0574d83d" providerId="ADAL" clId="{B66F9EAA-205E-4280-88AD-8E45210EEBDB}" dt="2022-08-27T15:05:30.401" v="1654" actId="20577"/>
          <ac:spMkLst>
            <pc:docMk/>
            <pc:sldMk cId="3182323920" sldId="289"/>
            <ac:spMk id="2" creationId="{18FFC53D-E7E8-BD61-23B9-990A1E4FFC17}"/>
          </ac:spMkLst>
        </pc:spChg>
        <pc:spChg chg="del">
          <ac:chgData name="Matias Vázquez Piñón" userId="2f86a967-3c9c-4a39-b538-7e6c0574d83d" providerId="ADAL" clId="{B66F9EAA-205E-4280-88AD-8E45210EEBDB}" dt="2022-08-27T15:05:19.900" v="1604" actId="22"/>
          <ac:spMkLst>
            <pc:docMk/>
            <pc:sldMk cId="3182323920" sldId="289"/>
            <ac:spMk id="3" creationId="{0965D88A-8770-E2FD-B30E-1CA78FA41FA5}"/>
          </ac:spMkLst>
        </pc:spChg>
        <pc:picChg chg="add mod ord">
          <ac:chgData name="Matias Vázquez Piñón" userId="2f86a967-3c9c-4a39-b538-7e6c0574d83d" providerId="ADAL" clId="{B66F9EAA-205E-4280-88AD-8E45210EEBDB}" dt="2022-08-27T15:05:19.900" v="1604" actId="22"/>
          <ac:picMkLst>
            <pc:docMk/>
            <pc:sldMk cId="3182323920" sldId="289"/>
            <ac:picMk id="6" creationId="{84CDACE2-7E0D-F058-BA4B-3D260FD63217}"/>
          </ac:picMkLst>
        </pc:picChg>
      </pc:sldChg>
      <pc:sldChg chg="modSp new mod">
        <pc:chgData name="Matias Vázquez Piñón" userId="2f86a967-3c9c-4a39-b538-7e6c0574d83d" providerId="ADAL" clId="{B66F9EAA-205E-4280-88AD-8E45210EEBDB}" dt="2022-08-27T15:17:46.041" v="2391" actId="20577"/>
        <pc:sldMkLst>
          <pc:docMk/>
          <pc:sldMk cId="669780945" sldId="290"/>
        </pc:sldMkLst>
        <pc:spChg chg="mod">
          <ac:chgData name="Matias Vázquez Piñón" userId="2f86a967-3c9c-4a39-b538-7e6c0574d83d" providerId="ADAL" clId="{B66F9EAA-205E-4280-88AD-8E45210EEBDB}" dt="2022-08-27T15:12:31.810" v="1892" actId="20577"/>
          <ac:spMkLst>
            <pc:docMk/>
            <pc:sldMk cId="669780945" sldId="290"/>
            <ac:spMk id="2" creationId="{45E01822-90FE-1C27-7D19-155B04ED1FAC}"/>
          </ac:spMkLst>
        </pc:spChg>
        <pc:spChg chg="mod">
          <ac:chgData name="Matias Vázquez Piñón" userId="2f86a967-3c9c-4a39-b538-7e6c0574d83d" providerId="ADAL" clId="{B66F9EAA-205E-4280-88AD-8E45210EEBDB}" dt="2022-08-27T15:17:46.041" v="2391" actId="20577"/>
          <ac:spMkLst>
            <pc:docMk/>
            <pc:sldMk cId="669780945" sldId="290"/>
            <ac:spMk id="3" creationId="{BA7FF801-BDE2-E2BA-6266-9FCEDDBAFA70}"/>
          </ac:spMkLst>
        </pc:sp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743029601" sldId="290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78100160" sldId="291"/>
        </pc:sldMkLst>
      </pc:sldChg>
      <pc:sldChg chg="addSp modSp new mod">
        <pc:chgData name="Matias Vázquez Piñón" userId="2f86a967-3c9c-4a39-b538-7e6c0574d83d" providerId="ADAL" clId="{B66F9EAA-205E-4280-88AD-8E45210EEBDB}" dt="2022-08-27T15:29:48.875" v="3442" actId="1076"/>
        <pc:sldMkLst>
          <pc:docMk/>
          <pc:sldMk cId="3010840599" sldId="291"/>
        </pc:sldMkLst>
        <pc:spChg chg="mod">
          <ac:chgData name="Matias Vázquez Piñón" userId="2f86a967-3c9c-4a39-b538-7e6c0574d83d" providerId="ADAL" clId="{B66F9EAA-205E-4280-88AD-8E45210EEBDB}" dt="2022-08-27T15:18:40.417" v="2422" actId="20577"/>
          <ac:spMkLst>
            <pc:docMk/>
            <pc:sldMk cId="3010840599" sldId="291"/>
            <ac:spMk id="2" creationId="{6D1B290D-4543-1A3D-2231-CD283A3A58CF}"/>
          </ac:spMkLst>
        </pc:spChg>
        <pc:spChg chg="mod">
          <ac:chgData name="Matias Vázquez Piñón" userId="2f86a967-3c9c-4a39-b538-7e6c0574d83d" providerId="ADAL" clId="{B66F9EAA-205E-4280-88AD-8E45210EEBDB}" dt="2022-08-27T15:29:05.567" v="3436" actId="27636"/>
          <ac:spMkLst>
            <pc:docMk/>
            <pc:sldMk cId="3010840599" sldId="291"/>
            <ac:spMk id="3" creationId="{89E76F92-F792-ABF5-5814-7E68E0C5BFFF}"/>
          </ac:spMkLst>
        </pc:spChg>
        <pc:picChg chg="add mod">
          <ac:chgData name="Matias Vázquez Piñón" userId="2f86a967-3c9c-4a39-b538-7e6c0574d83d" providerId="ADAL" clId="{B66F9EAA-205E-4280-88AD-8E45210EEBDB}" dt="2022-08-27T15:29:18.017" v="3437" actId="1076"/>
          <ac:picMkLst>
            <pc:docMk/>
            <pc:sldMk cId="3010840599" sldId="291"/>
            <ac:picMk id="6" creationId="{552A5406-6415-C2DB-2944-66AD16CA866D}"/>
          </ac:picMkLst>
        </pc:picChg>
        <pc:picChg chg="add mod">
          <ac:chgData name="Matias Vázquez Piñón" userId="2f86a967-3c9c-4a39-b538-7e6c0574d83d" providerId="ADAL" clId="{B66F9EAA-205E-4280-88AD-8E45210EEBDB}" dt="2022-08-27T15:29:48.875" v="3442" actId="1076"/>
          <ac:picMkLst>
            <pc:docMk/>
            <pc:sldMk cId="3010840599" sldId="291"/>
            <ac:picMk id="8" creationId="{5465E4C1-C38D-D55E-1843-599463767906}"/>
          </ac:picMkLst>
        </pc:pic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174901691" sldId="292"/>
        </pc:sldMkLst>
      </pc:sldChg>
      <pc:sldChg chg="modSp new mod ord">
        <pc:chgData name="Matias Vázquez Piñón" userId="2f86a967-3c9c-4a39-b538-7e6c0574d83d" providerId="ADAL" clId="{B66F9EAA-205E-4280-88AD-8E45210EEBDB}" dt="2022-08-27T15:33:31.425" v="3637"/>
        <pc:sldMkLst>
          <pc:docMk/>
          <pc:sldMk cId="2280207388" sldId="292"/>
        </pc:sldMkLst>
        <pc:spChg chg="mod">
          <ac:chgData name="Matias Vázquez Piñón" userId="2f86a967-3c9c-4a39-b538-7e6c0574d83d" providerId="ADAL" clId="{B66F9EAA-205E-4280-88AD-8E45210EEBDB}" dt="2022-08-27T15:31:29.722" v="3470" actId="20577"/>
          <ac:spMkLst>
            <pc:docMk/>
            <pc:sldMk cId="2280207388" sldId="292"/>
            <ac:spMk id="2" creationId="{EE199035-966B-4BC1-2B4B-72F8D4D372C5}"/>
          </ac:spMkLst>
        </pc:spChg>
        <pc:spChg chg="mod">
          <ac:chgData name="Matias Vázquez Piñón" userId="2f86a967-3c9c-4a39-b538-7e6c0574d83d" providerId="ADAL" clId="{B66F9EAA-205E-4280-88AD-8E45210EEBDB}" dt="2022-08-27T15:32:55.259" v="3635" actId="20577"/>
          <ac:spMkLst>
            <pc:docMk/>
            <pc:sldMk cId="2280207388" sldId="292"/>
            <ac:spMk id="3" creationId="{1E0C6A87-0101-4CAD-C768-7582DA345A41}"/>
          </ac:spMkLst>
        </pc:sp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458490763" sldId="293"/>
        </pc:sldMkLst>
      </pc:sldChg>
      <pc:sldChg chg="addSp delSp modSp new mod modClrScheme chgLayout">
        <pc:chgData name="Matias Vázquez Piñón" userId="2f86a967-3c9c-4a39-b538-7e6c0574d83d" providerId="ADAL" clId="{B66F9EAA-205E-4280-88AD-8E45210EEBDB}" dt="2022-08-27T15:54:13.199" v="3676" actId="700"/>
        <pc:sldMkLst>
          <pc:docMk/>
          <pc:sldMk cId="3631674483" sldId="293"/>
        </pc:sldMkLst>
        <pc:spChg chg="mod ord">
          <ac:chgData name="Matias Vázquez Piñón" userId="2f86a967-3c9c-4a39-b538-7e6c0574d83d" providerId="ADAL" clId="{B66F9EAA-205E-4280-88AD-8E45210EEBDB}" dt="2022-08-27T15:54:13.199" v="3676" actId="700"/>
          <ac:spMkLst>
            <pc:docMk/>
            <pc:sldMk cId="3631674483" sldId="293"/>
            <ac:spMk id="2" creationId="{B9096327-6D85-FA1D-AEBA-2C27C5F53A88}"/>
          </ac:spMkLst>
        </pc:spChg>
        <pc:spChg chg="del">
          <ac:chgData name="Matias Vázquez Piñón" userId="2f86a967-3c9c-4a39-b538-7e6c0574d83d" providerId="ADAL" clId="{B66F9EAA-205E-4280-88AD-8E45210EEBDB}" dt="2022-08-27T15:49:03.637" v="3640" actId="22"/>
          <ac:spMkLst>
            <pc:docMk/>
            <pc:sldMk cId="3631674483" sldId="293"/>
            <ac:spMk id="3" creationId="{24408A1F-9B7E-EDD9-1B04-386600EC0F53}"/>
          </ac:spMkLst>
        </pc:spChg>
        <pc:spChg chg="mod ord">
          <ac:chgData name="Matias Vázquez Piñón" userId="2f86a967-3c9c-4a39-b538-7e6c0574d83d" providerId="ADAL" clId="{B66F9EAA-205E-4280-88AD-8E45210EEBDB}" dt="2022-08-27T15:54:13.199" v="3676" actId="700"/>
          <ac:spMkLst>
            <pc:docMk/>
            <pc:sldMk cId="3631674483" sldId="293"/>
            <ac:spMk id="4" creationId="{5C7B60EF-0679-3357-B1E7-5C4EA75D2EF5}"/>
          </ac:spMkLst>
        </pc:spChg>
        <pc:spChg chg="add del mod ord">
          <ac:chgData name="Matias Vázquez Piñón" userId="2f86a967-3c9c-4a39-b538-7e6c0574d83d" providerId="ADAL" clId="{B66F9EAA-205E-4280-88AD-8E45210EEBDB}" dt="2022-08-27T15:49:31.051" v="3643" actId="22"/>
          <ac:spMkLst>
            <pc:docMk/>
            <pc:sldMk cId="3631674483" sldId="293"/>
            <ac:spMk id="7" creationId="{7758CB39-9B93-1794-46AC-B25E76D15AB6}"/>
          </ac:spMkLst>
        </pc:spChg>
        <pc:picChg chg="add mod ord">
          <ac:chgData name="Matias Vázquez Piñón" userId="2f86a967-3c9c-4a39-b538-7e6c0574d83d" providerId="ADAL" clId="{B66F9EAA-205E-4280-88AD-8E45210EEBDB}" dt="2022-08-27T15:54:13.199" v="3676" actId="700"/>
          <ac:picMkLst>
            <pc:docMk/>
            <pc:sldMk cId="3631674483" sldId="293"/>
            <ac:picMk id="6" creationId="{2EB56071-B913-5972-1505-F606B7F5B933}"/>
          </ac:picMkLst>
        </pc:picChg>
        <pc:picChg chg="add mod ord">
          <ac:chgData name="Matias Vázquez Piñón" userId="2f86a967-3c9c-4a39-b538-7e6c0574d83d" providerId="ADAL" clId="{B66F9EAA-205E-4280-88AD-8E45210EEBDB}" dt="2022-08-27T15:54:13.199" v="3676" actId="700"/>
          <ac:picMkLst>
            <pc:docMk/>
            <pc:sldMk cId="3631674483" sldId="293"/>
            <ac:picMk id="9" creationId="{3A8DC5F8-BC3C-8A83-B359-FB8A6EAEB609}"/>
          </ac:picMkLst>
        </pc:picChg>
      </pc:sldChg>
      <pc:sldChg chg="addSp delSp modSp new mod">
        <pc:chgData name="Matias Vázquez Piñón" userId="2f86a967-3c9c-4a39-b538-7e6c0574d83d" providerId="ADAL" clId="{B66F9EAA-205E-4280-88AD-8E45210EEBDB}" dt="2022-08-27T15:55:15.670" v="3697" actId="22"/>
        <pc:sldMkLst>
          <pc:docMk/>
          <pc:sldMk cId="1206942906" sldId="294"/>
        </pc:sldMkLst>
        <pc:spChg chg="mod">
          <ac:chgData name="Matias Vázquez Piñón" userId="2f86a967-3c9c-4a39-b538-7e6c0574d83d" providerId="ADAL" clId="{B66F9EAA-205E-4280-88AD-8E45210EEBDB}" dt="2022-08-27T15:54:24.304" v="3695" actId="20577"/>
          <ac:spMkLst>
            <pc:docMk/>
            <pc:sldMk cId="1206942906" sldId="294"/>
            <ac:spMk id="2" creationId="{E537187E-B124-3018-D262-6DC31767708A}"/>
          </ac:spMkLst>
        </pc:spChg>
        <pc:spChg chg="del">
          <ac:chgData name="Matias Vázquez Piñón" userId="2f86a967-3c9c-4a39-b538-7e6c0574d83d" providerId="ADAL" clId="{B66F9EAA-205E-4280-88AD-8E45210EEBDB}" dt="2022-08-27T15:54:42.660" v="3696" actId="22"/>
          <ac:spMkLst>
            <pc:docMk/>
            <pc:sldMk cId="1206942906" sldId="294"/>
            <ac:spMk id="3" creationId="{68F954D4-4C15-B59F-BC7E-D2F2D21C4986}"/>
          </ac:spMkLst>
        </pc:spChg>
        <pc:spChg chg="del">
          <ac:chgData name="Matias Vázquez Piñón" userId="2f86a967-3c9c-4a39-b538-7e6c0574d83d" providerId="ADAL" clId="{B66F9EAA-205E-4280-88AD-8E45210EEBDB}" dt="2022-08-27T15:55:15.670" v="3697" actId="22"/>
          <ac:spMkLst>
            <pc:docMk/>
            <pc:sldMk cId="1206942906" sldId="294"/>
            <ac:spMk id="4" creationId="{5F3CE5B7-2A5F-7E4C-CB17-1524C6978401}"/>
          </ac:spMkLst>
        </pc:spChg>
        <pc:picChg chg="add mod ord">
          <ac:chgData name="Matias Vázquez Piñón" userId="2f86a967-3c9c-4a39-b538-7e6c0574d83d" providerId="ADAL" clId="{B66F9EAA-205E-4280-88AD-8E45210EEBDB}" dt="2022-08-27T15:54:42.660" v="3696" actId="22"/>
          <ac:picMkLst>
            <pc:docMk/>
            <pc:sldMk cId="1206942906" sldId="294"/>
            <ac:picMk id="7" creationId="{3FC9E7CA-43FB-3B6E-7B2A-6BE2E206971B}"/>
          </ac:picMkLst>
        </pc:picChg>
        <pc:picChg chg="add mod ord">
          <ac:chgData name="Matias Vázquez Piñón" userId="2f86a967-3c9c-4a39-b538-7e6c0574d83d" providerId="ADAL" clId="{B66F9EAA-205E-4280-88AD-8E45210EEBDB}" dt="2022-08-27T15:55:15.670" v="3697" actId="22"/>
          <ac:picMkLst>
            <pc:docMk/>
            <pc:sldMk cId="1206942906" sldId="294"/>
            <ac:picMk id="9" creationId="{41700865-6D81-1AA7-9EBE-E35157AAFE45}"/>
          </ac:picMkLst>
        </pc:pic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1977261174" sldId="294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473330086" sldId="295"/>
        </pc:sldMkLst>
      </pc:sldChg>
      <pc:sldChg chg="addSp delSp modSp new mod">
        <pc:chgData name="Matias Vázquez Piñón" userId="2f86a967-3c9c-4a39-b538-7e6c0574d83d" providerId="ADAL" clId="{B66F9EAA-205E-4280-88AD-8E45210EEBDB}" dt="2022-08-27T15:57:10.273" v="3721" actId="20577"/>
        <pc:sldMkLst>
          <pc:docMk/>
          <pc:sldMk cId="3498450437" sldId="295"/>
        </pc:sldMkLst>
        <pc:spChg chg="mod">
          <ac:chgData name="Matias Vázquez Piñón" userId="2f86a967-3c9c-4a39-b538-7e6c0574d83d" providerId="ADAL" clId="{B66F9EAA-205E-4280-88AD-8E45210EEBDB}" dt="2022-08-27T15:57:10.273" v="3721" actId="20577"/>
          <ac:spMkLst>
            <pc:docMk/>
            <pc:sldMk cId="3498450437" sldId="295"/>
            <ac:spMk id="2" creationId="{DD567AE6-BFDB-A9A0-1E6B-FFA29F72613D}"/>
          </ac:spMkLst>
        </pc:spChg>
        <pc:spChg chg="del">
          <ac:chgData name="Matias Vázquez Piñón" userId="2f86a967-3c9c-4a39-b538-7e6c0574d83d" providerId="ADAL" clId="{B66F9EAA-205E-4280-88AD-8E45210EEBDB}" dt="2022-08-27T15:55:45.772" v="3699" actId="22"/>
          <ac:spMkLst>
            <pc:docMk/>
            <pc:sldMk cId="3498450437" sldId="295"/>
            <ac:spMk id="3" creationId="{2D5DD51D-DB37-E6F9-9147-56E1C863B948}"/>
          </ac:spMkLst>
        </pc:spChg>
        <pc:spChg chg="del">
          <ac:chgData name="Matias Vázquez Piñón" userId="2f86a967-3c9c-4a39-b538-7e6c0574d83d" providerId="ADAL" clId="{B66F9EAA-205E-4280-88AD-8E45210EEBDB}" dt="2022-08-27T15:56:02.650" v="3700" actId="22"/>
          <ac:spMkLst>
            <pc:docMk/>
            <pc:sldMk cId="3498450437" sldId="295"/>
            <ac:spMk id="4" creationId="{AD52B62D-6E21-4415-0C8B-E1A69EADE5C2}"/>
          </ac:spMkLst>
        </pc:spChg>
        <pc:picChg chg="add mod ord">
          <ac:chgData name="Matias Vázquez Piñón" userId="2f86a967-3c9c-4a39-b538-7e6c0574d83d" providerId="ADAL" clId="{B66F9EAA-205E-4280-88AD-8E45210EEBDB}" dt="2022-08-27T15:55:45.772" v="3699" actId="22"/>
          <ac:picMkLst>
            <pc:docMk/>
            <pc:sldMk cId="3498450437" sldId="295"/>
            <ac:picMk id="7" creationId="{82E7C67F-DC75-6F3C-DB21-CE30BFC9E4FC}"/>
          </ac:picMkLst>
        </pc:picChg>
        <pc:picChg chg="add mod ord">
          <ac:chgData name="Matias Vázquez Piñón" userId="2f86a967-3c9c-4a39-b538-7e6c0574d83d" providerId="ADAL" clId="{B66F9EAA-205E-4280-88AD-8E45210EEBDB}" dt="2022-08-27T15:56:02.650" v="3700" actId="22"/>
          <ac:picMkLst>
            <pc:docMk/>
            <pc:sldMk cId="3498450437" sldId="295"/>
            <ac:picMk id="9" creationId="{D2AC5AAA-0790-E9F0-33B1-B500C275A0CD}"/>
          </ac:picMkLst>
        </pc:picChg>
      </pc:sldChg>
      <pc:sldChg chg="addSp delSp modSp new mod">
        <pc:chgData name="Matias Vázquez Piñón" userId="2f86a967-3c9c-4a39-b538-7e6c0574d83d" providerId="ADAL" clId="{B66F9EAA-205E-4280-88AD-8E45210EEBDB}" dt="2022-08-27T15:57:15.423" v="3739" actId="20577"/>
        <pc:sldMkLst>
          <pc:docMk/>
          <pc:sldMk cId="1241804378" sldId="296"/>
        </pc:sldMkLst>
        <pc:spChg chg="mod">
          <ac:chgData name="Matias Vázquez Piñón" userId="2f86a967-3c9c-4a39-b538-7e6c0574d83d" providerId="ADAL" clId="{B66F9EAA-205E-4280-88AD-8E45210EEBDB}" dt="2022-08-27T15:57:15.423" v="3739" actId="20577"/>
          <ac:spMkLst>
            <pc:docMk/>
            <pc:sldMk cId="1241804378" sldId="296"/>
            <ac:spMk id="2" creationId="{0BC01239-DFC7-FC0A-D795-8DEC990127AD}"/>
          </ac:spMkLst>
        </pc:spChg>
        <pc:spChg chg="del">
          <ac:chgData name="Matias Vázquez Piñón" userId="2f86a967-3c9c-4a39-b538-7e6c0574d83d" providerId="ADAL" clId="{B66F9EAA-205E-4280-88AD-8E45210EEBDB}" dt="2022-08-27T15:56:23.285" v="3702" actId="22"/>
          <ac:spMkLst>
            <pc:docMk/>
            <pc:sldMk cId="1241804378" sldId="296"/>
            <ac:spMk id="3" creationId="{179D8892-F202-2CEB-1C66-333F1482AA9A}"/>
          </ac:spMkLst>
        </pc:spChg>
        <pc:spChg chg="del">
          <ac:chgData name="Matias Vázquez Piñón" userId="2f86a967-3c9c-4a39-b538-7e6c0574d83d" providerId="ADAL" clId="{B66F9EAA-205E-4280-88AD-8E45210EEBDB}" dt="2022-08-27T15:56:41.780" v="3703" actId="22"/>
          <ac:spMkLst>
            <pc:docMk/>
            <pc:sldMk cId="1241804378" sldId="296"/>
            <ac:spMk id="4" creationId="{3D42AB64-12C3-B9D3-6F86-E0EFF30C46F4}"/>
          </ac:spMkLst>
        </pc:spChg>
        <pc:picChg chg="add mod ord">
          <ac:chgData name="Matias Vázquez Piñón" userId="2f86a967-3c9c-4a39-b538-7e6c0574d83d" providerId="ADAL" clId="{B66F9EAA-205E-4280-88AD-8E45210EEBDB}" dt="2022-08-27T15:56:23.285" v="3702" actId="22"/>
          <ac:picMkLst>
            <pc:docMk/>
            <pc:sldMk cId="1241804378" sldId="296"/>
            <ac:picMk id="7" creationId="{1B7C723E-2133-FB35-ADFA-056E8CDFAF96}"/>
          </ac:picMkLst>
        </pc:picChg>
        <pc:picChg chg="add mod ord">
          <ac:chgData name="Matias Vázquez Piñón" userId="2f86a967-3c9c-4a39-b538-7e6c0574d83d" providerId="ADAL" clId="{B66F9EAA-205E-4280-88AD-8E45210EEBDB}" dt="2022-08-27T15:56:41.780" v="3703" actId="22"/>
          <ac:picMkLst>
            <pc:docMk/>
            <pc:sldMk cId="1241804378" sldId="296"/>
            <ac:picMk id="9" creationId="{D913ED26-44BE-F770-A515-577B4DCAB0CE}"/>
          </ac:picMkLst>
        </pc:picChg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684454245" sldId="297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1509932029" sldId="298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756905196" sldId="299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1883341490" sldId="300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968579628" sldId="301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347237951" sldId="302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762977252" sldId="303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583010504" sldId="304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2738140422" sldId="305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4026152409" sldId="306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125475162" sldId="307"/>
        </pc:sldMkLst>
      </pc:sldChg>
      <pc:sldChg chg="del">
        <pc:chgData name="Matias Vázquez Piñón" userId="2f86a967-3c9c-4a39-b538-7e6c0574d83d" providerId="ADAL" clId="{B66F9EAA-205E-4280-88AD-8E45210EEBDB}" dt="2022-08-25T21:11:12.572" v="44" actId="47"/>
        <pc:sldMkLst>
          <pc:docMk/>
          <pc:sldMk cId="604320469" sldId="308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2F3EE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6" name="Picture 5" descr="Logo, company name&#10;&#10;Description automatically generated">
            <a:extLst>
              <a:ext uri="{FF2B5EF4-FFF2-40B4-BE49-F238E27FC236}">
                <a16:creationId xmlns:a16="http://schemas.microsoft.com/office/drawing/2014/main" id="{781B051C-8F21-5821-89F0-29DA57896CF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2" y="213776"/>
            <a:ext cx="694944" cy="6949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bg>
      <p:bgPr>
        <a:solidFill>
          <a:srgbClr val="2F3EE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Logo, company name&#10;&#10;Description automatically generated">
            <a:extLst>
              <a:ext uri="{FF2B5EF4-FFF2-40B4-BE49-F238E27FC236}">
                <a16:creationId xmlns:a16="http://schemas.microsoft.com/office/drawing/2014/main" id="{6BB53C92-6C44-2392-A33C-D9CC539612B0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14006" y="1447800"/>
            <a:ext cx="3962400" cy="396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Picture 2" descr="Logo, company name&#10;&#10;Description automatically generated">
            <a:extLst>
              <a:ext uri="{FF2B5EF4-FFF2-40B4-BE49-F238E27FC236}">
                <a16:creationId xmlns:a16="http://schemas.microsoft.com/office/drawing/2014/main" id="{A7399BEB-799A-86D6-2CC5-DB9C483E64C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15530" y="1449324"/>
            <a:ext cx="3959352" cy="39593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rgbClr val="2F3EEA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rgbClr val="2F3EEA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>
                <a:solidFill>
                  <a:srgbClr val="2F3EEA"/>
                </a:solidFill>
              </a:defRPr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>
                <a:solidFill>
                  <a:srgbClr val="2F3EEA"/>
                </a:solidFill>
              </a:defRPr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8" name="Picture 7" descr="Logo, company name&#10;&#10;Description automatically generated">
            <a:extLst>
              <a:ext uri="{FF2B5EF4-FFF2-40B4-BE49-F238E27FC236}">
                <a16:creationId xmlns:a16="http://schemas.microsoft.com/office/drawing/2014/main" id="{EE8F52A2-1A23-6C66-47CE-AFC2B30A766C}"/>
              </a:ext>
            </a:extLst>
          </p:cNvPr>
          <p:cNvPicPr>
            <a:picLocks noChangeAspect="1"/>
          </p:cNvPicPr>
          <p:nvPr userDrawn="1"/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806" y="208684"/>
            <a:ext cx="697998" cy="6979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2F3EEA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2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2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2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2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2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/>
              <a:t>Use of Timer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err="1"/>
              <a:t>TE2015</a:t>
            </a:r>
            <a:r>
              <a:rPr lang="en-GB" dirty="0"/>
              <a:t> </a:t>
            </a:r>
            <a:r>
              <a:rPr lang="en-GB" dirty="0" err="1"/>
              <a:t>Microcontroladores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B5D724-7A69-F201-D7A3-2751D2E6CE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Operation of Timers</a:t>
            </a:r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42DB822-089B-CD2E-DD66-1D551B373CE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s-MX" dirty="0" err="1"/>
              <a:t>TE2015</a:t>
            </a:r>
            <a:r>
              <a:rPr lang="es-MX" dirty="0"/>
              <a:t> Microcontroladores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17D03C7-F44A-0486-F42D-CA1C5D42559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634061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5E01822-90FE-1C27-7D19-155B04ED1F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OCK SWITCHING</a:t>
            </a:r>
            <a:endParaRPr lang="LID4096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A7FF801-BDE2-E2BA-6266-9FCEDDBAFA7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/>
              <a:t>System clock can be switched between internal and external sources using</a:t>
            </a:r>
          </a:p>
          <a:p>
            <a:pPr lvl="1"/>
            <a:r>
              <a:rPr lang="en-US"/>
              <a:t>New Oscillator Request (NOSC)</a:t>
            </a:r>
          </a:p>
          <a:p>
            <a:pPr lvl="1"/>
            <a:r>
              <a:rPr lang="en-US"/>
              <a:t>New Divider Selection Request (NDIV)</a:t>
            </a:r>
          </a:p>
          <a:p>
            <a:r>
              <a:rPr lang="en-US"/>
              <a:t>Clock Switch Enable configuration bit (CSWEN) enables clock switching</a:t>
            </a:r>
          </a:p>
          <a:p>
            <a:pPr lvl="1"/>
            <a:r>
              <a:rPr lang="en-US"/>
              <a:t>CSWEN = 1. Writes to NOSC and NDIV by software enable clock switching</a:t>
            </a:r>
          </a:p>
          <a:p>
            <a:pPr lvl="1"/>
            <a:r>
              <a:rPr lang="en-US"/>
              <a:t>CSWEN = 0. Writes to NOSC and NDIV are ignored</a:t>
            </a:r>
          </a:p>
          <a:p>
            <a:r>
              <a:rPr lang="en-US"/>
              <a:t>OSCILLATOR SOURCES</a:t>
            </a:r>
          </a:p>
          <a:p>
            <a:pPr lvl="1"/>
            <a:r>
              <a:rPr lang="en-US"/>
              <a:t>External Oscillator (EXTOSC)</a:t>
            </a:r>
          </a:p>
          <a:p>
            <a:pPr lvl="1"/>
            <a:r>
              <a:rPr lang="en-US"/>
              <a:t>EXTOSC with 4x PLL</a:t>
            </a:r>
          </a:p>
          <a:p>
            <a:pPr lvl="1"/>
            <a:r>
              <a:rPr lang="en-US"/>
              <a:t>High-Frequency Internal Oscillator (HFINTOSC)</a:t>
            </a:r>
          </a:p>
          <a:p>
            <a:pPr lvl="1"/>
            <a:r>
              <a:rPr lang="en-US"/>
              <a:t>Low-Frequency Internal Oscillator (LFINTOSC)</a:t>
            </a:r>
          </a:p>
          <a:p>
            <a:pPr lvl="1"/>
            <a:r>
              <a:rPr lang="en-US"/>
              <a:t>Secondary Oscillator (SOSC)</a:t>
            </a:r>
            <a:endParaRPr lang="LID4096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862A47-F3BA-458C-FF86-9DA1EF21ABA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97809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1B290D-4543-1A3D-2231-CD283A3A58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NOSC AND NDIV BITS</a:t>
            </a:r>
            <a:endParaRPr lang="LID4096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9E76F92-F792-ABF5-5814-7E68E0C5BF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2503322"/>
          </a:xfrm>
        </p:spPr>
        <p:txBody>
          <a:bodyPr>
            <a:normAutofit fontScale="77500" lnSpcReduction="20000"/>
          </a:bodyPr>
          <a:lstStyle/>
          <a:p>
            <a:r>
              <a:rPr lang="en-US"/>
              <a:t>NOSC and NDIV are used to select the system clock source and clock frequency divider to be used by the CPU and peripherals</a:t>
            </a:r>
          </a:p>
          <a:p>
            <a:r>
              <a:rPr lang="en-US"/>
              <a:t>When new values are assigned to NOSC and NDIV, current oscillator keeps operating until new source indicates it is ready</a:t>
            </a:r>
          </a:p>
          <a:p>
            <a:pPr lvl="1"/>
            <a:r>
              <a:rPr lang="en-US"/>
              <a:t>The same applies when NDIV changes without changing NOSC (e.g. change in HFINTOSC frequency from 1 MHz to 2 MHz)</a:t>
            </a:r>
          </a:p>
          <a:p>
            <a:r>
              <a:rPr lang="en-US"/>
              <a:t>When the new oscillator source is ready:</a:t>
            </a:r>
          </a:p>
          <a:p>
            <a:pPr lvl="1"/>
            <a:r>
              <a:rPr lang="en-US"/>
              <a:t>New Oscillator is Ready bit, NOSCR is set: NOSCR = 1</a:t>
            </a:r>
          </a:p>
          <a:p>
            <a:pPr lvl="1"/>
            <a:r>
              <a:rPr lang="en-US"/>
              <a:t>Clock Switch Interrupt flag, CSWIF is set: CSWIF = 1</a:t>
            </a:r>
          </a:p>
          <a:p>
            <a:pPr lvl="1"/>
            <a:r>
              <a:rPr lang="en-US"/>
              <a:t>If Clock Switch Interrupt Enable, CSWIE, is set, CWSIE = 1, and interrupt is generated when CSWIF is set</a:t>
            </a:r>
          </a:p>
          <a:p>
            <a:pPr lvl="1"/>
            <a:r>
              <a:rPr lang="en-US"/>
              <a:t>Oscillator Ready (ORDY) can be polled to check if clock switching has completed and new oscillator source has replaced the system clock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6ADFBCB-EF0C-6841-2CB2-E080B3E1CDF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52A5406-6415-C2DB-2944-66AD16CA86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6614" y="4128527"/>
            <a:ext cx="4597014" cy="230334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465E4C1-C38D-D55E-1843-59946376790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0983" y="4128527"/>
            <a:ext cx="4734166" cy="22991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084059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199035-966B-4BC1-2B4B-72F8D4D372C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OSC AND CDIV</a:t>
            </a:r>
            <a:endParaRPr lang="LID4096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E0C6A87-0101-4CAD-C768-7582DA345A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/>
              <a:t>Indicate the current oscillator source and clock divider, respectively:</a:t>
            </a:r>
          </a:p>
          <a:p>
            <a:pPr lvl="1"/>
            <a:r>
              <a:rPr lang="en-US"/>
              <a:t>COSC. Current Oscillator Source Select</a:t>
            </a:r>
          </a:p>
          <a:p>
            <a:pPr lvl="1"/>
            <a:r>
              <a:rPr lang="en-US"/>
              <a:t>CDIV. Current Divider Select</a:t>
            </a:r>
            <a:endParaRPr lang="LID4096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A435D74-99AA-0A1D-C963-25D69922E0A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020738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heme/theme1.xml><?xml version="1.0" encoding="utf-8"?>
<a:theme xmlns:a="http://schemas.openxmlformats.org/drawingml/2006/main" name="Blank">
  <a:themeElements>
    <a:clrScheme name="Custom 2">
      <a:dk1>
        <a:srgbClr val="FFFFFF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" id="{0EE84079-2462-4EEC-A6F7-CC22978017B5}" vid="{4EB994BA-1AC7-43B1-ABCF-ABAC6896A405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EC</Template>
  <TotalTime>1134</TotalTime>
  <Words>284</Words>
  <Application>Microsoft Office PowerPoint</Application>
  <PresentationFormat>Custom</PresentationFormat>
  <Paragraphs>36</Paragraphs>
  <Slides>6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9" baseType="lpstr">
      <vt:lpstr>Arial</vt:lpstr>
      <vt:lpstr>Verdana</vt:lpstr>
      <vt:lpstr>Blank</vt:lpstr>
      <vt:lpstr>PowerPoint Presentation</vt:lpstr>
      <vt:lpstr>Use of Timers</vt:lpstr>
      <vt:lpstr>Operation of Timers</vt:lpstr>
      <vt:lpstr>CLOCK SWITCHING</vt:lpstr>
      <vt:lpstr>NOSC AND NDIV BITS</vt:lpstr>
      <vt:lpstr>COSC AND CDIV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tias Vázquez Piñón</dc:creator>
  <cp:lastModifiedBy>Matías Vázquez Piñón</cp:lastModifiedBy>
  <cp:revision>1</cp:revision>
  <dcterms:created xsi:type="dcterms:W3CDTF">2022-08-15T09:50:29Z</dcterms:created>
  <dcterms:modified xsi:type="dcterms:W3CDTF">2022-08-27T16:00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